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s0706\１_課内共用\28_行政手続オンライン化・キャッシュレス・電子納付・収入証紙関係\05電子申請（e-kanaawa)\R7年度\長期\HP更新等\決裁\"/>
    </mc:Choice>
  </mc:AlternateContent>
  <xr:revisionPtr revIDLastSave="0" documentId="13_ncr:1_{9BB446D5-FE9A-4FE0-AD97-659393106555}" xr6:coauthVersionLast="47" xr6:coauthVersionMax="47" xr10:uidLastSave="{00000000-0000-0000-0000-000000000000}"/>
  <bookViews>
    <workbookView xWindow="28680" yWindow="-120" windowWidth="29040" windowHeight="15720" tabRatio="718" xr2:uid="{00000000-000D-0000-FFFF-FFFF00000000}"/>
  </bookViews>
  <sheets>
    <sheet name="入力シート" sheetId="19" r:id="rId1"/>
    <sheet name="第一面　第一号様式（1項,2,3項申請用）" sheetId="2" r:id="rId2"/>
    <sheet name="第二面（一号様式）" sheetId="12" r:id="rId3"/>
    <sheet name="第四面 (法第5条第1項の規定に基づく申請の場合)" sheetId="5" r:id="rId4"/>
    <sheet name="第四面 （法第５条第３項の規定に基づく申請の場合）" sheetId="6" r:id="rId5"/>
  </sheets>
  <externalReferences>
    <externalReference r:id="rId6"/>
    <externalReference r:id="rId7"/>
  </externalReferences>
  <definedNames>
    <definedName name="_xlnm._FilterDatabase" localSheetId="0" hidden="1">入力シート!$A$3:$CP$5</definedName>
    <definedName name="_xlnm.Print_Area" localSheetId="1">'第一面　第一号様式（1項,2,3項申請用）'!$A$1:$AA$42</definedName>
    <definedName name="_xlnm.Print_Area" localSheetId="3">'第四面 (法第5条第1項の規定に基づく申請の場合)'!$A$1:$AA$31</definedName>
    <definedName name="_xlnm.Print_Area" localSheetId="4">'第四面 （法第５条第３項の規定に基づく申請の場合）'!$A$1:$AA$31</definedName>
    <definedName name="_xlnm.Print_Area" localSheetId="2">'第二面（一号様式）'!$A$1:$AA$46</definedName>
    <definedName name="_xlnm.Print_Area" localSheetId="0">入力シート!$A$1:$CP$12</definedName>
    <definedName name="Z_B6C2CDA1_747E_4053_8E7F_DFFCC2AE5BB0_.wvu.FilterData" localSheetId="0" hidden="1">入力シート!$A$3:$CW$5</definedName>
    <definedName name="Z_B6C2CDA1_747E_4053_8E7F_DFFCC2AE5BB0_.wvu.PrintArea" localSheetId="0" hidden="1">入力シート!$A$2:$CG$5</definedName>
    <definedName name="Z_B6C2CDA1_747E_4053_8E7F_DFFCC2AE5BB0_.wvu.PrintTitles" localSheetId="0" hidden="1">入力シート!$B:$B</definedName>
    <definedName name="家対その他">[1]リスト!$A$15:$A$20</definedName>
    <definedName name="月" localSheetId="0">'[2]（参考）選択肢'!$L$4:$L$15</definedName>
    <definedName name="新規・変更" localSheetId="0">'[2]（参考）選択肢'!$B$4:$B$6</definedName>
    <definedName name="申請の対象とする範囲" localSheetId="0">'[2]（参考）選択肢'!$C$4:$C$6</definedName>
    <definedName name="申請書">#REF!</definedName>
    <definedName name="通知">#REF!</definedName>
    <definedName name="日" localSheetId="0">'[2]（参考）選択肢'!$M$4:$M$34</definedName>
    <definedName name="年" localSheetId="0">'[2]（参考）選択肢'!$K$4:$K$92</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N22" i="12" l="1"/>
  <c r="J7" i="12"/>
  <c r="P14" i="6" l="1"/>
  <c r="X22" i="5"/>
  <c r="X21" i="5"/>
  <c r="P21" i="5"/>
  <c r="P22" i="5"/>
  <c r="M20" i="2"/>
  <c r="X15" i="6"/>
  <c r="U15" i="6"/>
  <c r="P15" i="6"/>
  <c r="U22" i="5"/>
  <c r="X14" i="6"/>
  <c r="U14" i="6"/>
  <c r="U21" i="5" l="1"/>
  <c r="F22" i="12"/>
  <c r="P21" i="12" l="1"/>
  <c r="I21" i="12"/>
  <c r="H12" i="12"/>
  <c r="H11" i="12"/>
  <c r="H9" i="12"/>
  <c r="L7" i="12"/>
  <c r="H7" i="12"/>
  <c r="X7" i="2"/>
  <c r="V7" i="2"/>
  <c r="S7" i="2"/>
  <c r="N12" i="2"/>
  <c r="N15" i="2"/>
  <c r="BH4" i="19"/>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P3" authorId="0" shapeId="0" xr:uid="{9EE97B8D-20D6-487C-A5B3-E74573BD0B32}">
      <text>
        <r>
          <rPr>
            <b/>
            <sz val="8"/>
            <color indexed="81"/>
            <rFont val="ＭＳ Ｐゴシック"/>
            <family val="3"/>
            <charset val="128"/>
          </rPr>
          <t>番地は、小さい順。
丁目は漢数字。
数字は、半角。</t>
        </r>
      </text>
    </comment>
  </commentList>
</comments>
</file>

<file path=xl/sharedStrings.xml><?xml version="1.0" encoding="utf-8"?>
<sst xmlns="http://schemas.openxmlformats.org/spreadsheetml/2006/main" count="328" uniqueCount="244">
  <si>
    <t>第一号様式（第二条関係）（日本産業規格Ａ列４番）</t>
  </si>
  <si>
    <t>（第一面）</t>
  </si>
  <si>
    <t>認　　定　　申　　請　　書</t>
  </si>
  <si>
    <t>（本欄には記入しないでください。）</t>
  </si>
  <si>
    <t>（注意）</t>
  </si>
  <si>
    <t>（第二面）</t>
  </si>
  <si>
    <t>１．建築をしようとする住宅の位置、構造及び設備並びに規模に関する事項</t>
  </si>
  <si>
    <t>【１．地名地番】</t>
  </si>
  <si>
    <t>【７．建築物の高さ等】</t>
  </si>
  <si>
    <t>　　【最高の高さ】</t>
  </si>
  <si>
    <t>　　【最高の軒の高さ】</t>
  </si>
  <si>
    <t>【10．確認の特例】</t>
  </si>
  <si>
    <t>２．建築後の住宅の維持保全の方法及び期間</t>
  </si>
  <si>
    <t>３．住宅の建築及び維持保全に係る資金計画</t>
  </si>
  <si>
    <t>４．住宅の建築の実施時期</t>
  </si>
  <si>
    <t>（第四面：法第５条第３項の規定に基づく申請の場合）</t>
  </si>
  <si>
    <t>２．建築後の住宅の維持保全の方法の概要</t>
  </si>
  <si>
    <t>３．住宅の建築に係る資金計画</t>
  </si>
  <si>
    <t>長　期　優　良　住　宅　建　築　等　計　画</t>
    <phoneticPr fontId="19"/>
  </si>
  <si>
    <t>日</t>
    <rPh sb="0" eb="1">
      <t>ニチ</t>
    </rPh>
    <phoneticPr fontId="19"/>
  </si>
  <si>
    <t>月</t>
    <rPh sb="0" eb="1">
      <t>ガツ</t>
    </rPh>
    <phoneticPr fontId="19"/>
  </si>
  <si>
    <t>年</t>
    <rPh sb="0" eb="1">
      <t>ネン</t>
    </rPh>
    <phoneticPr fontId="19"/>
  </si>
  <si>
    <t>第１項</t>
    <phoneticPr fontId="19"/>
  </si>
  <si>
    <t>【２．敷地面積】　　　　　　　　　㎡</t>
    <phoneticPr fontId="19"/>
  </si>
  <si>
    <t>㎡</t>
    <phoneticPr fontId="19"/>
  </si>
  <si>
    <t>【４．建築面積】　　　　　　　　</t>
    <phoneticPr fontId="19"/>
  </si>
  <si>
    <t>【５．床面積の合計】　　　　　　　</t>
    <phoneticPr fontId="19"/>
  </si>
  <si>
    <t>【３．工事種別】　　</t>
    <phoneticPr fontId="19"/>
  </si>
  <si>
    <t>新築</t>
    <rPh sb="0" eb="2">
      <t>シンチク</t>
    </rPh>
    <phoneticPr fontId="19"/>
  </si>
  <si>
    <t>増築・改築</t>
  </si>
  <si>
    <t>【６．建て方】
　　</t>
    <phoneticPr fontId="19"/>
  </si>
  <si>
    <t>一戸建ての住宅</t>
  </si>
  <si>
    <t>共同住宅等</t>
  </si>
  <si>
    <t>【一戸建ての住宅の場合：各階の床面積】　</t>
    <phoneticPr fontId="19"/>
  </si>
  <si>
    <t>階</t>
    <rPh sb="0" eb="1">
      <t>カイ</t>
    </rPh>
    <phoneticPr fontId="19"/>
  </si>
  <si>
    <t>　　【階数】　（地上）　　　</t>
    <phoneticPr fontId="19"/>
  </si>
  <si>
    <t>（地下）</t>
    <rPh sb="1" eb="3">
      <t>チカ</t>
    </rPh>
    <phoneticPr fontId="19"/>
  </si>
  <si>
    <t>【８．構造】</t>
    <phoneticPr fontId="19"/>
  </si>
  <si>
    <t>造</t>
    <rPh sb="0" eb="1">
      <t>ゾウ</t>
    </rPh>
    <phoneticPr fontId="19"/>
  </si>
  <si>
    <t>一部</t>
    <rPh sb="0" eb="2">
      <t>イチブ</t>
    </rPh>
    <phoneticPr fontId="19"/>
  </si>
  <si>
    <t>　　法第６条第２項の規定による申出の有無　　</t>
    <phoneticPr fontId="19"/>
  </si>
  <si>
    <t>無</t>
    <rPh sb="0" eb="1">
      <t>ナ</t>
    </rPh>
    <phoneticPr fontId="19"/>
  </si>
  <si>
    <t>有</t>
    <rPh sb="0" eb="1">
      <t>ア</t>
    </rPh>
    <phoneticPr fontId="19"/>
  </si>
  <si>
    <t xml:space="preserve">【11. 住宅の品質の確保の促進等に関する法律第６条の２第５項の適用の有無】
</t>
    <phoneticPr fontId="19"/>
  </si>
  <si>
    <t>受　付　欄</t>
    <rPh sb="0" eb="1">
      <t>ウケ</t>
    </rPh>
    <rPh sb="2" eb="3">
      <t>ツキ</t>
    </rPh>
    <rPh sb="4" eb="5">
      <t>ラン</t>
    </rPh>
    <phoneticPr fontId="19"/>
  </si>
  <si>
    <t>認 定 番 号 欄</t>
    <rPh sb="0" eb="1">
      <t>ニン</t>
    </rPh>
    <rPh sb="2" eb="3">
      <t>サダム</t>
    </rPh>
    <rPh sb="4" eb="5">
      <t>バン</t>
    </rPh>
    <rPh sb="6" eb="7">
      <t>ゴウ</t>
    </rPh>
    <rPh sb="8" eb="9">
      <t>ラン</t>
    </rPh>
    <phoneticPr fontId="19"/>
  </si>
  <si>
    <t>日</t>
    <rPh sb="0" eb="1">
      <t>ニチ</t>
    </rPh>
    <phoneticPr fontId="19"/>
  </si>
  <si>
    <t>月</t>
    <rPh sb="0" eb="1">
      <t>ガツ</t>
    </rPh>
    <phoneticPr fontId="19"/>
  </si>
  <si>
    <t>年</t>
    <rPh sb="0" eb="1">
      <t>ネン</t>
    </rPh>
    <phoneticPr fontId="19"/>
  </si>
  <si>
    <t>号</t>
    <rPh sb="0" eb="1">
      <t>ゴウ</t>
    </rPh>
    <phoneticPr fontId="19"/>
  </si>
  <si>
    <t>係員氏名</t>
    <phoneticPr fontId="19"/>
  </si>
  <si>
    <t>〔建築物に関する事項〕</t>
    <phoneticPr fontId="19"/>
  </si>
  <si>
    <t>ｍ</t>
    <phoneticPr fontId="19"/>
  </si>
  <si>
    <t>日</t>
    <rPh sb="0" eb="1">
      <t>ニチ</t>
    </rPh>
    <phoneticPr fontId="19"/>
  </si>
  <si>
    <t>〔建築に関する工事の着手の予定年月日〕</t>
    <phoneticPr fontId="19"/>
  </si>
  <si>
    <t>〔建築に関する工事の完了の予定年月日〕</t>
    <phoneticPr fontId="19"/>
  </si>
  <si>
    <t>月</t>
    <rPh sb="0" eb="1">
      <t>ガツ</t>
    </rPh>
    <phoneticPr fontId="19"/>
  </si>
  <si>
    <t>年</t>
    <rPh sb="0" eb="1">
      <t>ネン</t>
    </rPh>
    <phoneticPr fontId="19"/>
  </si>
  <si>
    <t>　①　建築に係る資金計画</t>
    <phoneticPr fontId="19"/>
  </si>
  <si>
    <t>　②　維持保全に係る資金計画</t>
    <phoneticPr fontId="19"/>
  </si>
  <si>
    <t>５．譲受人の決定の予定時期　</t>
    <phoneticPr fontId="19"/>
  </si>
  <si>
    <t>１．この様式において、「一戸建ての住宅」は、人の居住の用以外の用途に供する部分を有しないものに限り、</t>
    <phoneticPr fontId="19"/>
  </si>
  <si>
    <t>４．共同住宅等に係る申請にあっては、第三面を申請に係る住戸（認定を求める住戸）ごとに作成してください。</t>
    <phoneticPr fontId="19"/>
  </si>
  <si>
    <t>計画について認定を申請します。この申請書及び添付図書に記載の事項は、事実に相違ありません。</t>
    <phoneticPr fontId="19"/>
  </si>
  <si>
    <t>申請者の氏名又は名称</t>
    <phoneticPr fontId="19"/>
  </si>
  <si>
    <t>代表者の氏名</t>
    <phoneticPr fontId="19"/>
  </si>
  <si>
    <t>申請者の住所又は</t>
    <phoneticPr fontId="19"/>
  </si>
  <si>
    <t>主たる事務所の所在地</t>
    <phoneticPr fontId="19"/>
  </si>
  <si>
    <t>決　裁　欄</t>
    <rPh sb="0" eb="1">
      <t>ケツ</t>
    </rPh>
    <rPh sb="2" eb="3">
      <t>サイ</t>
    </rPh>
    <rPh sb="4" eb="5">
      <t>ラン</t>
    </rPh>
    <phoneticPr fontId="19"/>
  </si>
  <si>
    <t>戸</t>
    <rPh sb="0" eb="1">
      <t>コ</t>
    </rPh>
    <phoneticPr fontId="19"/>
  </si>
  <si>
    <t>【共同住宅等の場合：住戸の数】　</t>
    <phoneticPr fontId="19"/>
  </si>
  <si>
    <t>建築物全体</t>
    <rPh sb="0" eb="3">
      <t>ケンチクブツ</t>
    </rPh>
    <rPh sb="3" eb="5">
      <t>ゼンタイ</t>
    </rPh>
    <phoneticPr fontId="19"/>
  </si>
  <si>
    <t>　　　　　　</t>
    <phoneticPr fontId="19"/>
  </si>
  <si>
    <t>認定申請対象住戸　</t>
  </si>
  <si>
    <t>新　築</t>
    <rPh sb="0" eb="1">
      <t>シン</t>
    </rPh>
    <rPh sb="2" eb="3">
      <t>チク</t>
    </rPh>
    <phoneticPr fontId="19"/>
  </si>
  <si>
    <t>増築・改築</t>
    <rPh sb="0" eb="2">
      <t>ゾウチク</t>
    </rPh>
    <rPh sb="3" eb="5">
      <t>カイチク</t>
    </rPh>
    <phoneticPr fontId="19"/>
  </si>
  <si>
    <t xml:space="preserve">   （新 築／増 築・改 築）</t>
    <phoneticPr fontId="19"/>
  </si>
  <si>
    <t>第２項</t>
    <phoneticPr fontId="19"/>
  </si>
  <si>
    <t>１．３欄には、建築に要する費用の概算額を記載してください。また、共同住宅等に係る申請である場合でも、</t>
    <phoneticPr fontId="19"/>
  </si>
  <si>
    <t>　　一棟に係る費用を記載してください。</t>
    <phoneticPr fontId="19"/>
  </si>
  <si>
    <t>　　別の書面をもって代えることができます。</t>
    <phoneticPr fontId="19"/>
  </si>
  <si>
    <t>　 「共同住宅等」とは、共同住宅、長屋その他の一戸建ての住宅以外の住宅をいいます。</t>
    <phoneticPr fontId="19"/>
  </si>
  <si>
    <t xml:space="preserve">  　場合には、代表者の氏名を併せて記載してください。</t>
    <phoneticPr fontId="19"/>
  </si>
  <si>
    <t xml:space="preserve"> 　 は名称を記載してください。</t>
    <phoneticPr fontId="19"/>
  </si>
  <si>
    <t>殿</t>
  </si>
  <si>
    <t xml:space="preserve"> 第</t>
    <rPh sb="1" eb="2">
      <t>ダイ</t>
    </rPh>
    <phoneticPr fontId="19"/>
  </si>
  <si>
    <t xml:space="preserve"> 係員氏名</t>
    <phoneticPr fontId="19"/>
  </si>
  <si>
    <t>２．法第５条第２項の規定に基づく申請にあっては、一戸建て住宅等分譲事業者及び譲受人の両者の氏名又</t>
    <phoneticPr fontId="19"/>
  </si>
  <si>
    <t>３．申請者（法第５条第２項に基づく申請にあっては、一戸建て住宅等分譲事業者又は譲受人）が法人である</t>
    <phoneticPr fontId="19"/>
  </si>
  <si>
    <t>　　住宅の品質確保の促進等に関する法律（平成11年法律第81号）第６条の２第３項又は第４項の規定</t>
    <phoneticPr fontId="19"/>
  </si>
  <si>
    <t>　により、その住宅の構造及び設備が長期使用構造等である旨が記載された確認書（住宅の品質確保の</t>
    <phoneticPr fontId="19"/>
  </si>
  <si>
    <t>　促進等に関する法律施行規則（平成12年建設省令第20号）第７条の４第１項第１号に規定する別記第</t>
    <phoneticPr fontId="19"/>
  </si>
  <si>
    <t>　　</t>
    <phoneticPr fontId="19"/>
  </si>
  <si>
    <t>　11号の４様式）若しくは住宅性能評価書　又はこれらの写しの添付の有無　</t>
    <phoneticPr fontId="19"/>
  </si>
  <si>
    <t>２．この面は、複数の住戸に関する情報を集約して記載すること等により記載すべき事項の全てが明示された</t>
    <phoneticPr fontId="19"/>
  </si>
  <si>
    <t xml:space="preserve">  １．３①欄には、建築に要する費用の概算額を記載してください。</t>
    <phoneticPr fontId="19"/>
  </si>
  <si>
    <t xml:space="preserve">  ２．３②欄には、住宅の修繕に要する費用の年間積み立て予定額を記載してください。</t>
    <phoneticPr fontId="19"/>
  </si>
  <si>
    <t xml:space="preserve">  ３．共同住宅等に係る申請である場合でも、３①及び②欄とも、一棟に係る費用を記載してください。</t>
    <phoneticPr fontId="19"/>
  </si>
  <si>
    <t xml:space="preserve">  ４．この面は、複数の住戸に関する情報を集約して記載すること等により記載すべき事項の全てが明示され</t>
    <phoneticPr fontId="19"/>
  </si>
  <si>
    <t>　  た別の書面をもって代えることができます。</t>
    <phoneticPr fontId="19"/>
  </si>
  <si>
    <t>【９．長期使用構造等に係る構造及び設備の概要】　　</t>
    <phoneticPr fontId="19"/>
  </si>
  <si>
    <t>３．【10．確認の特例】の欄は、認定の申請に併せて建築基準法（昭和２５年法律第２０１号）第６条第１項</t>
    <phoneticPr fontId="19"/>
  </si>
  <si>
    <t>２．【９．長期使用構造等に係る構造及び設備の概要】の欄について、</t>
    <phoneticPr fontId="19"/>
  </si>
  <si>
    <t>【11. 住宅の品質確保の促進等に関する法律第６条の２第５項の適用の有無】の欄で「無」に</t>
    <phoneticPr fontId="19"/>
  </si>
  <si>
    <t>「✓」マークを入れた場合においては、設計内容説明書を提出してください。</t>
    <phoneticPr fontId="19"/>
  </si>
  <si>
    <t>１．【６．建て方】の欄は、該当するチェックボックスに「✓」マークを入れてください。</t>
    <phoneticPr fontId="19"/>
  </si>
  <si>
    <t>　</t>
    <phoneticPr fontId="19"/>
  </si>
  <si>
    <t>場合においては「無」に「✓」マークを入れてください。</t>
    <phoneticPr fontId="19"/>
  </si>
  <si>
    <t>の規定による確認申請書を提出して適合審査を受けるよう申し出る場合においては「有」に、申し出ない</t>
    <phoneticPr fontId="19"/>
  </si>
  <si>
    <t>４．【11. 住宅の品質確保の促進等に関する法律第６条の２第５項の適用の有無】の欄は、住宅の品質確保</t>
    <phoneticPr fontId="19"/>
  </si>
  <si>
    <t>の促進等に関する法律第６条の２第３項又は第４項の規定により、その住宅の構造及び設備が長期使用構造等</t>
    <phoneticPr fontId="19"/>
  </si>
  <si>
    <t>である旨が記載された確認書若しくは住宅性能評価書又はこれらの写しを添付して申請する場合においては</t>
    <phoneticPr fontId="19"/>
  </si>
  <si>
    <t>「有」に、添付しないで申請する場合においては「無」に「✓」マークを入れてください。</t>
    <phoneticPr fontId="19"/>
  </si>
  <si>
    <t>明示された別の書面をもって代えることができます。</t>
    <phoneticPr fontId="19"/>
  </si>
  <si>
    <t>５．この面は、建築確認等他の制度の申請書の写しに必要事項を補うこと等により記載すべき事項の全てが</t>
    <phoneticPr fontId="19"/>
  </si>
  <si>
    <t>神奈川県知事</t>
    <rPh sb="0" eb="3">
      <t>カナガワ</t>
    </rPh>
    <rPh sb="3" eb="6">
      <t>ケンチジ</t>
    </rPh>
    <phoneticPr fontId="19"/>
  </si>
  <si>
    <t>整理番号</t>
    <rPh sb="0" eb="2">
      <t>セイリ</t>
    </rPh>
    <rPh sb="2" eb="4">
      <t>バンゴウ</t>
    </rPh>
    <phoneticPr fontId="29"/>
  </si>
  <si>
    <t>認定番号</t>
    <rPh sb="0" eb="2">
      <t>ニンテイ</t>
    </rPh>
    <rPh sb="2" eb="4">
      <t>バンゴウ</t>
    </rPh>
    <phoneticPr fontId="29"/>
  </si>
  <si>
    <t>申請者（譲受人）の氏名等</t>
    <rPh sb="0" eb="3">
      <t>シンセイシャ</t>
    </rPh>
    <rPh sb="4" eb="6">
      <t>ユズリウケ</t>
    </rPh>
    <rPh sb="6" eb="7">
      <t>ニン</t>
    </rPh>
    <rPh sb="9" eb="11">
      <t>シメイ</t>
    </rPh>
    <rPh sb="11" eb="12">
      <t>ナド</t>
    </rPh>
    <phoneticPr fontId="29"/>
  </si>
  <si>
    <t>申請日</t>
    <rPh sb="0" eb="2">
      <t>シンセイ</t>
    </rPh>
    <rPh sb="2" eb="3">
      <t>ビ</t>
    </rPh>
    <phoneticPr fontId="29"/>
  </si>
  <si>
    <t>申請者（譲受人）の住所又は主たる事務所の所在地</t>
    <rPh sb="0" eb="3">
      <t>シンセイシャ</t>
    </rPh>
    <rPh sb="4" eb="6">
      <t>ユズリウケ</t>
    </rPh>
    <rPh sb="6" eb="7">
      <t>ニン</t>
    </rPh>
    <rPh sb="9" eb="11">
      <t>ジュウショ</t>
    </rPh>
    <rPh sb="11" eb="12">
      <t>マタ</t>
    </rPh>
    <rPh sb="13" eb="14">
      <t>シュ</t>
    </rPh>
    <rPh sb="16" eb="18">
      <t>ジム</t>
    </rPh>
    <rPh sb="18" eb="19">
      <t>ショ</t>
    </rPh>
    <rPh sb="20" eb="23">
      <t>ショザイチ</t>
    </rPh>
    <phoneticPr fontId="29"/>
  </si>
  <si>
    <t>申請の根拠条文</t>
    <rPh sb="0" eb="2">
      <t>シンセイ</t>
    </rPh>
    <rPh sb="3" eb="5">
      <t>コンキョ</t>
    </rPh>
    <rPh sb="5" eb="7">
      <t>ジョウブン</t>
    </rPh>
    <phoneticPr fontId="29"/>
  </si>
  <si>
    <t>地名地番（敷地の位置）</t>
    <rPh sb="0" eb="2">
      <t>チメイ</t>
    </rPh>
    <rPh sb="2" eb="3">
      <t>チ</t>
    </rPh>
    <rPh sb="3" eb="4">
      <t>バン</t>
    </rPh>
    <rPh sb="5" eb="7">
      <t>シキチ</t>
    </rPh>
    <rPh sb="8" eb="10">
      <t>イチ</t>
    </rPh>
    <phoneticPr fontId="29"/>
  </si>
  <si>
    <t>敷地面積
（㎡）</t>
    <rPh sb="0" eb="2">
      <t>シキチ</t>
    </rPh>
    <rPh sb="2" eb="4">
      <t>メンセキ</t>
    </rPh>
    <phoneticPr fontId="29"/>
  </si>
  <si>
    <t>建築面積
（㎡）</t>
    <rPh sb="0" eb="2">
      <t>ケンチク</t>
    </rPh>
    <rPh sb="2" eb="4">
      <t>メンセキ</t>
    </rPh>
    <phoneticPr fontId="29"/>
  </si>
  <si>
    <t>床面積の合計
（㎡）</t>
    <rPh sb="0" eb="3">
      <t>ユカメンセキ</t>
    </rPh>
    <rPh sb="4" eb="6">
      <t>ゴウケイ</t>
    </rPh>
    <phoneticPr fontId="29"/>
  </si>
  <si>
    <t>建て方</t>
    <rPh sb="0" eb="1">
      <t>タ</t>
    </rPh>
    <rPh sb="2" eb="3">
      <t>カタ</t>
    </rPh>
    <phoneticPr fontId="29"/>
  </si>
  <si>
    <t>棟数</t>
    <rPh sb="0" eb="1">
      <t>ムネ</t>
    </rPh>
    <rPh sb="1" eb="2">
      <t>スウ</t>
    </rPh>
    <phoneticPr fontId="38"/>
  </si>
  <si>
    <t>住戸の数</t>
    <rPh sb="0" eb="1">
      <t>ジュウ</t>
    </rPh>
    <rPh sb="1" eb="2">
      <t>コ</t>
    </rPh>
    <rPh sb="3" eb="4">
      <t>カズ</t>
    </rPh>
    <phoneticPr fontId="29"/>
  </si>
  <si>
    <t>建物の階数</t>
    <rPh sb="0" eb="2">
      <t>タテモノ</t>
    </rPh>
    <rPh sb="3" eb="5">
      <t>カイスウ</t>
    </rPh>
    <phoneticPr fontId="29"/>
  </si>
  <si>
    <t>構造種別</t>
    <rPh sb="0" eb="2">
      <t>コウゾウ</t>
    </rPh>
    <rPh sb="2" eb="4">
      <t>シュベツ</t>
    </rPh>
    <phoneticPr fontId="29"/>
  </si>
  <si>
    <r>
      <t xml:space="preserve">第6条2項の申出
</t>
    </r>
    <r>
      <rPr>
        <sz val="8"/>
        <rFont val="ＭＳ 明朝"/>
        <family val="1"/>
        <charset val="128"/>
      </rPr>
      <t>（建築確認の申請）</t>
    </r>
    <rPh sb="0" eb="1">
      <t>ダイ</t>
    </rPh>
    <rPh sb="2" eb="3">
      <t>ジョウ</t>
    </rPh>
    <rPh sb="4" eb="5">
      <t>コウ</t>
    </rPh>
    <rPh sb="6" eb="7">
      <t>モウ</t>
    </rPh>
    <rPh sb="7" eb="8">
      <t>デ</t>
    </rPh>
    <rPh sb="10" eb="12">
      <t>ケンチク</t>
    </rPh>
    <rPh sb="12" eb="14">
      <t>カクニン</t>
    </rPh>
    <rPh sb="15" eb="17">
      <t>シンセイ</t>
    </rPh>
    <phoneticPr fontId="29"/>
  </si>
  <si>
    <t>建設資金
（千円）</t>
    <phoneticPr fontId="29"/>
  </si>
  <si>
    <t>維持保全資金（円/年）</t>
    <phoneticPr fontId="29"/>
  </si>
  <si>
    <t>維持保全団体等</t>
    <rPh sb="0" eb="2">
      <t>イジ</t>
    </rPh>
    <rPh sb="2" eb="4">
      <t>ホゼン</t>
    </rPh>
    <rPh sb="4" eb="6">
      <t>ダンタイ</t>
    </rPh>
    <rPh sb="6" eb="7">
      <t>ナド</t>
    </rPh>
    <phoneticPr fontId="29"/>
  </si>
  <si>
    <t>工事着手予定</t>
    <rPh sb="0" eb="2">
      <t>コウジ</t>
    </rPh>
    <rPh sb="2" eb="4">
      <t>チャクシュ</t>
    </rPh>
    <rPh sb="4" eb="6">
      <t>ヨテイ</t>
    </rPh>
    <phoneticPr fontId="29"/>
  </si>
  <si>
    <t>工事完了予定</t>
    <rPh sb="0" eb="2">
      <t>コウジ</t>
    </rPh>
    <rPh sb="2" eb="4">
      <t>カンリョウ</t>
    </rPh>
    <rPh sb="4" eb="6">
      <t>ヨテイ</t>
    </rPh>
    <phoneticPr fontId="29"/>
  </si>
  <si>
    <r>
      <t xml:space="preserve">技術的審査の有無
</t>
    </r>
    <r>
      <rPr>
        <sz val="6"/>
        <rFont val="ＭＳ 明朝"/>
        <family val="1"/>
        <charset val="128"/>
      </rPr>
      <t>(登録住宅性能評価機関が発行する「適合証」の有無)</t>
    </r>
    <rPh sb="0" eb="3">
      <t>ギジュツテキ</t>
    </rPh>
    <rPh sb="3" eb="5">
      <t>シンサ</t>
    </rPh>
    <rPh sb="6" eb="8">
      <t>ウム</t>
    </rPh>
    <rPh sb="11" eb="13">
      <t>トウロク</t>
    </rPh>
    <rPh sb="13" eb="15">
      <t>ジュウタク</t>
    </rPh>
    <rPh sb="15" eb="17">
      <t>セイノウ</t>
    </rPh>
    <rPh sb="17" eb="19">
      <t>ヒョウカ</t>
    </rPh>
    <rPh sb="19" eb="21">
      <t>キカン</t>
    </rPh>
    <rPh sb="22" eb="24">
      <t>ハッコウ</t>
    </rPh>
    <rPh sb="27" eb="29">
      <t>テキゴウ</t>
    </rPh>
    <rPh sb="29" eb="30">
      <t>ショウ</t>
    </rPh>
    <rPh sb="32" eb="34">
      <t>ウム</t>
    </rPh>
    <phoneticPr fontId="29"/>
  </si>
  <si>
    <t>定期点検等実施予定者</t>
    <rPh sb="0" eb="2">
      <t>テイキ</t>
    </rPh>
    <rPh sb="2" eb="4">
      <t>テンケン</t>
    </rPh>
    <rPh sb="4" eb="5">
      <t>ナド</t>
    </rPh>
    <rPh sb="5" eb="7">
      <t>ジッシ</t>
    </rPh>
    <rPh sb="7" eb="9">
      <t>ヨテイ</t>
    </rPh>
    <rPh sb="9" eb="10">
      <t>シャ</t>
    </rPh>
    <phoneticPr fontId="29"/>
  </si>
  <si>
    <t>定期点検等
実施予定者所在地</t>
    <rPh sb="0" eb="2">
      <t>テイキ</t>
    </rPh>
    <rPh sb="2" eb="5">
      <t>テンケンナド</t>
    </rPh>
    <rPh sb="6" eb="8">
      <t>ジッシ</t>
    </rPh>
    <rPh sb="8" eb="10">
      <t>ヨテイ</t>
    </rPh>
    <rPh sb="10" eb="11">
      <t>シャ</t>
    </rPh>
    <rPh sb="11" eb="14">
      <t>ショザイチ</t>
    </rPh>
    <phoneticPr fontId="29"/>
  </si>
  <si>
    <t>業者による点検期間(年)</t>
    <rPh sb="0" eb="2">
      <t>ギョウシャ</t>
    </rPh>
    <rPh sb="5" eb="7">
      <t>テンケン</t>
    </rPh>
    <rPh sb="7" eb="9">
      <t>キカン</t>
    </rPh>
    <rPh sb="10" eb="11">
      <t>ネン</t>
    </rPh>
    <phoneticPr fontId="29"/>
  </si>
  <si>
    <t>維持
保全
計画
期間
(年)</t>
    <rPh sb="0" eb="2">
      <t>イジ</t>
    </rPh>
    <rPh sb="3" eb="5">
      <t>ホゼン</t>
    </rPh>
    <rPh sb="6" eb="8">
      <t>ケイカク</t>
    </rPh>
    <rPh sb="9" eb="11">
      <t>キカン</t>
    </rPh>
    <rPh sb="13" eb="14">
      <t>ネン</t>
    </rPh>
    <phoneticPr fontId="38"/>
  </si>
  <si>
    <t>技術的審査を
実施した評価機関</t>
    <rPh sb="0" eb="3">
      <t>ギジュツテキ</t>
    </rPh>
    <rPh sb="3" eb="5">
      <t>シンサ</t>
    </rPh>
    <rPh sb="7" eb="9">
      <t>ジッシ</t>
    </rPh>
    <rPh sb="11" eb="13">
      <t>ヒョウカ</t>
    </rPh>
    <rPh sb="13" eb="15">
      <t>キカン</t>
    </rPh>
    <phoneticPr fontId="29"/>
  </si>
  <si>
    <t>手数料</t>
    <rPh sb="0" eb="3">
      <t>テスウリョウ</t>
    </rPh>
    <phoneticPr fontId="29"/>
  </si>
  <si>
    <t>居住環境への配慮該当基準</t>
    <rPh sb="0" eb="2">
      <t>キョジュウ</t>
    </rPh>
    <rPh sb="2" eb="4">
      <t>カンキョウ</t>
    </rPh>
    <rPh sb="6" eb="8">
      <t>ハイリョ</t>
    </rPh>
    <rPh sb="8" eb="10">
      <t>ガイトウ</t>
    </rPh>
    <rPh sb="10" eb="12">
      <t>キジュン</t>
    </rPh>
    <phoneticPr fontId="29"/>
  </si>
  <si>
    <t>都市計画区域</t>
    <rPh sb="0" eb="2">
      <t>トシ</t>
    </rPh>
    <rPh sb="2" eb="4">
      <t>ケイカク</t>
    </rPh>
    <rPh sb="4" eb="6">
      <t>クイキ</t>
    </rPh>
    <phoneticPr fontId="38"/>
  </si>
  <si>
    <t>完了報告に関する事項</t>
    <rPh sb="0" eb="2">
      <t>カンリョウ</t>
    </rPh>
    <rPh sb="2" eb="4">
      <t>ホウコク</t>
    </rPh>
    <rPh sb="5" eb="6">
      <t>カン</t>
    </rPh>
    <rPh sb="8" eb="10">
      <t>ジコウ</t>
    </rPh>
    <phoneticPr fontId="29"/>
  </si>
  <si>
    <t>工事完了後の連絡先</t>
    <rPh sb="0" eb="2">
      <t>コウジ</t>
    </rPh>
    <rPh sb="2" eb="4">
      <t>カンリョウ</t>
    </rPh>
    <rPh sb="4" eb="5">
      <t>ゴ</t>
    </rPh>
    <rPh sb="6" eb="9">
      <t>レンラクサキ</t>
    </rPh>
    <phoneticPr fontId="29"/>
  </si>
  <si>
    <t>法第５条第１項以外に関する事項</t>
    <rPh sb="0" eb="1">
      <t>ホウ</t>
    </rPh>
    <rPh sb="1" eb="2">
      <t>ダイ</t>
    </rPh>
    <rPh sb="3" eb="4">
      <t>ジョウ</t>
    </rPh>
    <rPh sb="4" eb="5">
      <t>ダイ</t>
    </rPh>
    <rPh sb="6" eb="7">
      <t>コウ</t>
    </rPh>
    <rPh sb="7" eb="9">
      <t>イガイ</t>
    </rPh>
    <rPh sb="10" eb="11">
      <t>カン</t>
    </rPh>
    <rPh sb="13" eb="15">
      <t>ジコウ</t>
    </rPh>
    <phoneticPr fontId="29"/>
  </si>
  <si>
    <t>棟数（共同住宅等に限る）</t>
    <phoneticPr fontId="38"/>
  </si>
  <si>
    <t>性能評価書／適合証の活用</t>
    <phoneticPr fontId="29"/>
  </si>
  <si>
    <t>長期使用構造等とするための具体的な措置(増築・改築時のみ入力)</t>
    <rPh sb="20" eb="22">
      <t>ゾウチク</t>
    </rPh>
    <rPh sb="23" eb="25">
      <t>カイチク</t>
    </rPh>
    <rPh sb="25" eb="26">
      <t>ジ</t>
    </rPh>
    <rPh sb="28" eb="30">
      <t>ニュウリョク</t>
    </rPh>
    <phoneticPr fontId="29"/>
  </si>
  <si>
    <t>登録住宅性能評価機関に申請した</t>
    <rPh sb="0" eb="2">
      <t>トウロク</t>
    </rPh>
    <rPh sb="2" eb="4">
      <t>ジュウタク</t>
    </rPh>
    <rPh sb="4" eb="6">
      <t>セイノウ</t>
    </rPh>
    <rPh sb="6" eb="8">
      <t>ヒョウカ</t>
    </rPh>
    <rPh sb="8" eb="10">
      <t>キカン</t>
    </rPh>
    <rPh sb="11" eb="13">
      <t>シンセイ</t>
    </rPh>
    <phoneticPr fontId="38"/>
  </si>
  <si>
    <t>災害配慮区域に関する確認事項</t>
    <rPh sb="0" eb="2">
      <t>サイガイ</t>
    </rPh>
    <rPh sb="2" eb="4">
      <t>ハイリョ</t>
    </rPh>
    <rPh sb="4" eb="6">
      <t>クイキ</t>
    </rPh>
    <rPh sb="7" eb="8">
      <t>カン</t>
    </rPh>
    <rPh sb="10" eb="12">
      <t>カクニン</t>
    </rPh>
    <rPh sb="12" eb="14">
      <t>ジコウ</t>
    </rPh>
    <phoneticPr fontId="29"/>
  </si>
  <si>
    <t>納付書使用欄（枚数）</t>
    <rPh sb="0" eb="3">
      <t>ノウフショ</t>
    </rPh>
    <rPh sb="3" eb="5">
      <t>シヨウ</t>
    </rPh>
    <rPh sb="5" eb="6">
      <t>ラン</t>
    </rPh>
    <rPh sb="7" eb="9">
      <t>マイスウ</t>
    </rPh>
    <phoneticPr fontId="38"/>
  </si>
  <si>
    <t>法第6条8項に基づく申し出の有無</t>
    <phoneticPr fontId="38"/>
  </si>
  <si>
    <t>既存住宅認定の際の新築又は増築・改築の時期</t>
    <phoneticPr fontId="38"/>
  </si>
  <si>
    <t>備考</t>
    <phoneticPr fontId="38"/>
  </si>
  <si>
    <t>認定年月日</t>
    <rPh sb="0" eb="2">
      <t>ニンテイ</t>
    </rPh>
    <rPh sb="2" eb="5">
      <t>ネンガッピ</t>
    </rPh>
    <phoneticPr fontId="29"/>
  </si>
  <si>
    <t>工事完了年月日</t>
    <rPh sb="0" eb="2">
      <t>コウジ</t>
    </rPh>
    <rPh sb="2" eb="4">
      <t>カンリョウ</t>
    </rPh>
    <rPh sb="4" eb="7">
      <t>ネンガッピ</t>
    </rPh>
    <phoneticPr fontId="29"/>
  </si>
  <si>
    <t>完了報告年月日</t>
    <rPh sb="0" eb="2">
      <t>カンリョウ</t>
    </rPh>
    <rPh sb="2" eb="4">
      <t>ホウコク</t>
    </rPh>
    <rPh sb="4" eb="7">
      <t>ネンガッピ</t>
    </rPh>
    <phoneticPr fontId="29"/>
  </si>
  <si>
    <t>郵便番号</t>
    <rPh sb="0" eb="4">
      <t>ユウビンバンゴウ</t>
    </rPh>
    <phoneticPr fontId="29"/>
  </si>
  <si>
    <t>住所表記</t>
    <rPh sb="0" eb="2">
      <t>ジュウショ</t>
    </rPh>
    <rPh sb="2" eb="4">
      <t>ヒョウキ</t>
    </rPh>
    <phoneticPr fontId="29"/>
  </si>
  <si>
    <t>電話番号</t>
    <rPh sb="0" eb="2">
      <t>デンワ</t>
    </rPh>
    <rPh sb="2" eb="4">
      <t>バンゴウ</t>
    </rPh>
    <phoneticPr fontId="29"/>
  </si>
  <si>
    <t>変更概要・承継の原因</t>
    <rPh sb="0" eb="2">
      <t>ヘンコウ</t>
    </rPh>
    <rPh sb="2" eb="4">
      <t>ガイヨウ</t>
    </rPh>
    <rPh sb="5" eb="7">
      <t>ショウケイ</t>
    </rPh>
    <rPh sb="8" eb="10">
      <t>ゲンイン</t>
    </rPh>
    <phoneticPr fontId="29"/>
  </si>
  <si>
    <t>譲受人決定予定</t>
    <rPh sb="0" eb="2">
      <t>ユズリウケ</t>
    </rPh>
    <rPh sb="2" eb="3">
      <t>ジン</t>
    </rPh>
    <rPh sb="3" eb="5">
      <t>ケッテイ</t>
    </rPh>
    <rPh sb="5" eb="7">
      <t>ヨテイ</t>
    </rPh>
    <phoneticPr fontId="29"/>
  </si>
  <si>
    <t>建物名称</t>
    <rPh sb="0" eb="2">
      <t>タテモノ</t>
    </rPh>
    <rPh sb="2" eb="4">
      <t>メイショウ</t>
    </rPh>
    <phoneticPr fontId="29"/>
  </si>
  <si>
    <t>住戸の番号</t>
    <rPh sb="0" eb="1">
      <t>ジュウ</t>
    </rPh>
    <rPh sb="1" eb="2">
      <t>コ</t>
    </rPh>
    <rPh sb="3" eb="5">
      <t>バンゴウ</t>
    </rPh>
    <phoneticPr fontId="29"/>
  </si>
  <si>
    <t>専用部分床面積</t>
    <rPh sb="0" eb="2">
      <t>センヨウ</t>
    </rPh>
    <rPh sb="2" eb="4">
      <t>ブブン</t>
    </rPh>
    <rPh sb="4" eb="7">
      <t>ユカメンセキ</t>
    </rPh>
    <phoneticPr fontId="29"/>
  </si>
  <si>
    <t>法第6条3項確認済証番号</t>
    <rPh sb="0" eb="1">
      <t>ホウ</t>
    </rPh>
    <rPh sb="1" eb="2">
      <t>ダイ</t>
    </rPh>
    <rPh sb="3" eb="4">
      <t>ジョウ</t>
    </rPh>
    <rPh sb="5" eb="6">
      <t>コウ</t>
    </rPh>
    <rPh sb="6" eb="8">
      <t>カクニン</t>
    </rPh>
    <rPh sb="8" eb="9">
      <t>ス</t>
    </rPh>
    <rPh sb="9" eb="10">
      <t>ショウ</t>
    </rPh>
    <rPh sb="10" eb="12">
      <t>バンゴウ</t>
    </rPh>
    <phoneticPr fontId="29"/>
  </si>
  <si>
    <t>分譲事業者の住所等</t>
    <rPh sb="0" eb="2">
      <t>ブンジョウ</t>
    </rPh>
    <rPh sb="2" eb="5">
      <t>ジギョウシャ</t>
    </rPh>
    <rPh sb="6" eb="8">
      <t>ジュウショ</t>
    </rPh>
    <rPh sb="8" eb="9">
      <t>ナド</t>
    </rPh>
    <phoneticPr fontId="29"/>
  </si>
  <si>
    <t>分譲事業者の氏名等</t>
    <rPh sb="0" eb="2">
      <t>ブンジョウ</t>
    </rPh>
    <rPh sb="2" eb="5">
      <t>ジギョウシャ</t>
    </rPh>
    <rPh sb="6" eb="8">
      <t>シメイ</t>
    </rPh>
    <rPh sb="8" eb="9">
      <t>ナド</t>
    </rPh>
    <phoneticPr fontId="29"/>
  </si>
  <si>
    <t>工事種別</t>
    <phoneticPr fontId="29"/>
  </si>
  <si>
    <t>劣化
対策</t>
    <rPh sb="0" eb="2">
      <t>レッカ</t>
    </rPh>
    <rPh sb="3" eb="5">
      <t>タイサク</t>
    </rPh>
    <phoneticPr fontId="29"/>
  </si>
  <si>
    <t>耐震
性</t>
    <rPh sb="0" eb="2">
      <t>タイシン</t>
    </rPh>
    <rPh sb="3" eb="4">
      <t>セイ</t>
    </rPh>
    <phoneticPr fontId="29"/>
  </si>
  <si>
    <t>省エ
ネ性</t>
    <rPh sb="0" eb="1">
      <t>ショウ</t>
    </rPh>
    <rPh sb="4" eb="5">
      <t>セイ</t>
    </rPh>
    <phoneticPr fontId="29"/>
  </si>
  <si>
    <t>維持管
理対策</t>
    <phoneticPr fontId="29"/>
  </si>
  <si>
    <t>可変性</t>
    <phoneticPr fontId="29"/>
  </si>
  <si>
    <t>高齢者対策</t>
    <phoneticPr fontId="29"/>
  </si>
  <si>
    <t>仕様に応じた点検間隔の設定</t>
    <rPh sb="0" eb="2">
      <t>シヨウ</t>
    </rPh>
    <rPh sb="3" eb="4">
      <t>オウ</t>
    </rPh>
    <rPh sb="6" eb="8">
      <t>テンケン</t>
    </rPh>
    <rPh sb="8" eb="10">
      <t>カンカク</t>
    </rPh>
    <rPh sb="11" eb="13">
      <t>セッテイ</t>
    </rPh>
    <phoneticPr fontId="29"/>
  </si>
  <si>
    <t>将来更新による基準への適合</t>
    <rPh sb="0" eb="2">
      <t>ショウライ</t>
    </rPh>
    <rPh sb="2" eb="4">
      <t>コウシン</t>
    </rPh>
    <rPh sb="7" eb="9">
      <t>キジュン</t>
    </rPh>
    <rPh sb="11" eb="13">
      <t>テキゴウ</t>
    </rPh>
    <phoneticPr fontId="29"/>
  </si>
  <si>
    <t>年月日</t>
    <rPh sb="0" eb="3">
      <t>ネンガッピ</t>
    </rPh>
    <phoneticPr fontId="29"/>
  </si>
  <si>
    <t>年</t>
    <rPh sb="0" eb="1">
      <t>ネン</t>
    </rPh>
    <phoneticPr fontId="29"/>
  </si>
  <si>
    <t>月</t>
    <rPh sb="0" eb="1">
      <t>ツキ</t>
    </rPh>
    <phoneticPr fontId="29"/>
  </si>
  <si>
    <t>日</t>
    <rPh sb="0" eb="1">
      <t>ヒ</t>
    </rPh>
    <phoneticPr fontId="29"/>
  </si>
  <si>
    <t>番号</t>
    <rPh sb="0" eb="2">
      <t>バンゴウ</t>
    </rPh>
    <phoneticPr fontId="29"/>
  </si>
  <si>
    <t>郡名</t>
    <rPh sb="0" eb="1">
      <t>グン</t>
    </rPh>
    <rPh sb="1" eb="2">
      <t>メイ</t>
    </rPh>
    <phoneticPr fontId="29"/>
  </si>
  <si>
    <t>市区町村</t>
    <rPh sb="0" eb="2">
      <t>シク</t>
    </rPh>
    <rPh sb="2" eb="4">
      <t>チョウソン</t>
    </rPh>
    <phoneticPr fontId="29"/>
  </si>
  <si>
    <t>字・地番等</t>
    <rPh sb="0" eb="1">
      <t>アザ</t>
    </rPh>
    <rPh sb="2" eb="4">
      <t>チバン</t>
    </rPh>
    <rPh sb="4" eb="5">
      <t>ナド</t>
    </rPh>
    <phoneticPr fontId="29"/>
  </si>
  <si>
    <t>建築物
全体</t>
    <rPh sb="0" eb="3">
      <t>ケンチクブツ</t>
    </rPh>
    <rPh sb="4" eb="6">
      <t>ゼンタイ</t>
    </rPh>
    <phoneticPr fontId="29"/>
  </si>
  <si>
    <t>申請
住戸</t>
    <rPh sb="0" eb="2">
      <t>シンセイ</t>
    </rPh>
    <rPh sb="3" eb="4">
      <t>ジュウ</t>
    </rPh>
    <rPh sb="4" eb="5">
      <t>コ</t>
    </rPh>
    <phoneticPr fontId="29"/>
  </si>
  <si>
    <t>地上</t>
    <rPh sb="0" eb="2">
      <t>チジョウ</t>
    </rPh>
    <phoneticPr fontId="29"/>
  </si>
  <si>
    <t>地下</t>
    <rPh sb="0" eb="2">
      <t>チカ</t>
    </rPh>
    <phoneticPr fontId="29"/>
  </si>
  <si>
    <t>一部</t>
    <rPh sb="0" eb="2">
      <t>イチブ</t>
    </rPh>
    <phoneticPr fontId="29"/>
  </si>
  <si>
    <t>詳細</t>
    <rPh sb="0" eb="2">
      <t>ショウサイ</t>
    </rPh>
    <phoneticPr fontId="29"/>
  </si>
  <si>
    <t>地区
計画</t>
    <rPh sb="0" eb="2">
      <t>チク</t>
    </rPh>
    <rPh sb="3" eb="5">
      <t>ケイカク</t>
    </rPh>
    <phoneticPr fontId="38"/>
  </si>
  <si>
    <t>景観計画</t>
    <rPh sb="0" eb="2">
      <t>ケイカン</t>
    </rPh>
    <rPh sb="2" eb="4">
      <t>ケイカク</t>
    </rPh>
    <phoneticPr fontId="38"/>
  </si>
  <si>
    <t>都市計画
施設等</t>
    <rPh sb="0" eb="2">
      <t>トシ</t>
    </rPh>
    <rPh sb="2" eb="4">
      <t>ケイカク</t>
    </rPh>
    <rPh sb="5" eb="7">
      <t>シセツ</t>
    </rPh>
    <rPh sb="7" eb="8">
      <t>ヒトシイ</t>
    </rPh>
    <phoneticPr fontId="38"/>
  </si>
  <si>
    <t>年</t>
    <rPh sb="0" eb="1">
      <t>トシ</t>
    </rPh>
    <phoneticPr fontId="29"/>
  </si>
  <si>
    <t>①地すべり防止区域</t>
    <rPh sb="1" eb="2">
      <t>ジ</t>
    </rPh>
    <rPh sb="5" eb="7">
      <t>ボウシ</t>
    </rPh>
    <rPh sb="7" eb="9">
      <t>クイキ</t>
    </rPh>
    <phoneticPr fontId="38"/>
  </si>
  <si>
    <t>②急傾斜地崩壊危険区域</t>
    <rPh sb="1" eb="2">
      <t>キュウ</t>
    </rPh>
    <rPh sb="2" eb="5">
      <t>ケイシャチ</t>
    </rPh>
    <rPh sb="5" eb="7">
      <t>ホウカイ</t>
    </rPh>
    <rPh sb="7" eb="9">
      <t>キケン</t>
    </rPh>
    <rPh sb="9" eb="11">
      <t>クイキ</t>
    </rPh>
    <phoneticPr fontId="38"/>
  </si>
  <si>
    <t>③土砂災害特別警戒区域</t>
    <rPh sb="1" eb="3">
      <t>ドシャ</t>
    </rPh>
    <rPh sb="3" eb="5">
      <t>サイガイ</t>
    </rPh>
    <rPh sb="5" eb="7">
      <t>トクベツ</t>
    </rPh>
    <rPh sb="7" eb="9">
      <t>ケイカイ</t>
    </rPh>
    <rPh sb="9" eb="11">
      <t>クイキ</t>
    </rPh>
    <phoneticPr fontId="38"/>
  </si>
  <si>
    <t>建築行為の種類</t>
    <phoneticPr fontId="29"/>
  </si>
  <si>
    <t>記入例</t>
    <rPh sb="0" eb="2">
      <t>キニュウ</t>
    </rPh>
    <rPh sb="2" eb="3">
      <t>レイ</t>
    </rPh>
    <phoneticPr fontId="38"/>
  </si>
  <si>
    <t>神奈川　太郎</t>
    <rPh sb="0" eb="3">
      <t>カナガワ</t>
    </rPh>
    <rPh sb="4" eb="6">
      <t>タロウ</t>
    </rPh>
    <phoneticPr fontId="38"/>
  </si>
  <si>
    <t>法第5条第1項</t>
    <rPh sb="0" eb="1">
      <t>ホウ</t>
    </rPh>
    <rPh sb="1" eb="2">
      <t>ダイ</t>
    </rPh>
    <rPh sb="3" eb="4">
      <t>ジョウ</t>
    </rPh>
    <rPh sb="4" eb="5">
      <t>ダイ</t>
    </rPh>
    <rPh sb="6" eb="7">
      <t>コウ</t>
    </rPh>
    <phoneticPr fontId="29"/>
  </si>
  <si>
    <t>座間市</t>
  </si>
  <si>
    <t>○○○三丁目■番●</t>
    <rPh sb="3" eb="4">
      <t>サン</t>
    </rPh>
    <rPh sb="4" eb="6">
      <t>チョウメ</t>
    </rPh>
    <rPh sb="7" eb="8">
      <t>バン</t>
    </rPh>
    <phoneticPr fontId="38"/>
  </si>
  <si>
    <t>一戸建ての住宅</t>
    <rPh sb="0" eb="2">
      <t>イッコ</t>
    </rPh>
    <rPh sb="2" eb="3">
      <t>ダ</t>
    </rPh>
    <rPh sb="5" eb="7">
      <t>ジュウタク</t>
    </rPh>
    <phoneticPr fontId="29"/>
  </si>
  <si>
    <t>木造</t>
    <rPh sb="0" eb="2">
      <t>モクゾウ</t>
    </rPh>
    <phoneticPr fontId="29"/>
  </si>
  <si>
    <t>無</t>
    <rPh sb="0" eb="1">
      <t>ム</t>
    </rPh>
    <phoneticPr fontId="29"/>
  </si>
  <si>
    <t>無</t>
  </si>
  <si>
    <t>㈱○○　○○　○○</t>
    <phoneticPr fontId="38"/>
  </si>
  <si>
    <t>㈱○○一級建築士事務所　○○　○○</t>
    <rPh sb="3" eb="5">
      <t>イッキュウ</t>
    </rPh>
    <rPh sb="5" eb="8">
      <t>ケンチクシ</t>
    </rPh>
    <rPh sb="8" eb="10">
      <t>ジム</t>
    </rPh>
    <rPh sb="10" eb="11">
      <t>ショ</t>
    </rPh>
    <phoneticPr fontId="38"/>
  </si>
  <si>
    <t>有</t>
  </si>
  <si>
    <t>㈱○○</t>
    <phoneticPr fontId="38"/>
  </si>
  <si>
    <t>○○県○○市</t>
    <rPh sb="2" eb="3">
      <t>ケン</t>
    </rPh>
    <rPh sb="5" eb="6">
      <t>シ</t>
    </rPh>
    <phoneticPr fontId="38"/>
  </si>
  <si>
    <t>①区域外</t>
    <rPh sb="1" eb="4">
      <t>クイキガイ</t>
    </rPh>
    <phoneticPr fontId="38"/>
  </si>
  <si>
    <t>②区域内、対象外</t>
    <rPh sb="1" eb="4">
      <t>クイキナイ</t>
    </rPh>
    <rPh sb="5" eb="8">
      <t>タイショウガイ</t>
    </rPh>
    <phoneticPr fontId="38"/>
  </si>
  <si>
    <t>①市街化区域</t>
    <rPh sb="1" eb="4">
      <t>シガイカ</t>
    </rPh>
    <rPh sb="4" eb="6">
      <t>クイキ</t>
    </rPh>
    <phoneticPr fontId="38"/>
  </si>
  <si>
    <t>住宅性能評価書活用（長期確認有）</t>
    <rPh sb="0" eb="4">
      <t>ジュウタクセイノウ</t>
    </rPh>
    <rPh sb="4" eb="6">
      <t>ヒョウカ</t>
    </rPh>
    <rPh sb="6" eb="7">
      <t>ショ</t>
    </rPh>
    <rPh sb="7" eb="9">
      <t>カツヨウ</t>
    </rPh>
    <rPh sb="10" eb="12">
      <t>チョウキ</t>
    </rPh>
    <rPh sb="12" eb="14">
      <t>カクニン</t>
    </rPh>
    <rPh sb="14" eb="15">
      <t>アリ</t>
    </rPh>
    <phoneticPr fontId="29"/>
  </si>
  <si>
    <t>入力欄</t>
    <rPh sb="0" eb="2">
      <t>ニュウリョク</t>
    </rPh>
    <rPh sb="2" eb="3">
      <t>ラン</t>
    </rPh>
    <phoneticPr fontId="38"/>
  </si>
  <si>
    <t>:</t>
    <phoneticPr fontId="38"/>
  </si>
  <si>
    <t>（案の６）</t>
    <rPh sb="1" eb="2">
      <t>アン</t>
    </rPh>
    <phoneticPr fontId="19"/>
  </si>
  <si>
    <t>横浜市中区日本大通１</t>
    <rPh sb="0" eb="3">
      <t>ヨコハマシ</t>
    </rPh>
    <rPh sb="3" eb="5">
      <t>ナカク</t>
    </rPh>
    <rPh sb="5" eb="7">
      <t>ニホン</t>
    </rPh>
    <rPh sb="7" eb="9">
      <t>オオドオ</t>
    </rPh>
    <phoneticPr fontId="38"/>
  </si>
  <si>
    <t>【認定申請書等エクセルシートの入力方法について】</t>
    <rPh sb="1" eb="3">
      <t>ニンテイ</t>
    </rPh>
    <rPh sb="3" eb="6">
      <t>シンセイショ</t>
    </rPh>
    <rPh sb="6" eb="7">
      <t>トウ</t>
    </rPh>
    <rPh sb="15" eb="19">
      <t>ニュウリョクホウホウ</t>
    </rPh>
    <phoneticPr fontId="19"/>
  </si>
  <si>
    <t>　　　　　　　　　　</t>
    <phoneticPr fontId="19"/>
  </si>
  <si>
    <t>の規定に基づき、長期優良住宅建築等</t>
    <phoneticPr fontId="19"/>
  </si>
  <si>
    <t xml:space="preserve"> 長期優良住宅の普及の促進に関する法律第５条  　　　 </t>
    <phoneticPr fontId="19"/>
  </si>
  <si>
    <t>（第四面：法第５条第１項の規定に基づく申請の場合）</t>
    <phoneticPr fontId="19"/>
  </si>
  <si>
    <t>①シート【入力シート】の５行目を記入例を参考に緑色着色部分を入力または選択してください</t>
    <rPh sb="5" eb="7">
      <t>ニュウリョク</t>
    </rPh>
    <rPh sb="13" eb="15">
      <t>ギョウメ</t>
    </rPh>
    <rPh sb="16" eb="19">
      <t>キニュウレイ</t>
    </rPh>
    <rPh sb="20" eb="22">
      <t>サンコウ</t>
    </rPh>
    <rPh sb="23" eb="25">
      <t>ミドリイロ</t>
    </rPh>
    <rPh sb="25" eb="29">
      <t>チャクショクブブン</t>
    </rPh>
    <rPh sb="30" eb="32">
      <t>ニュウリョク</t>
    </rPh>
    <rPh sb="35" eb="37">
      <t>センタク</t>
    </rPh>
    <phoneticPr fontId="19"/>
  </si>
  <si>
    <t>②法第5条第1項についてはあわせて【第二面（一号様式）】、【第四面（法第5条第1項の規定に基づく申請の場合）】の緑色着色部分をご入力ください</t>
    <rPh sb="1" eb="2">
      <t>ホウ</t>
    </rPh>
    <rPh sb="2" eb="3">
      <t>ダイ</t>
    </rPh>
    <rPh sb="4" eb="5">
      <t>ジョウ</t>
    </rPh>
    <rPh sb="5" eb="6">
      <t>ダイ</t>
    </rPh>
    <rPh sb="7" eb="8">
      <t>コウ</t>
    </rPh>
    <rPh sb="18" eb="19">
      <t>ダイ</t>
    </rPh>
    <rPh sb="19" eb="21">
      <t>2メン</t>
    </rPh>
    <rPh sb="22" eb="24">
      <t>1ゴウ</t>
    </rPh>
    <rPh sb="24" eb="26">
      <t>ヨウシキ</t>
    </rPh>
    <rPh sb="30" eb="31">
      <t>ダイ</t>
    </rPh>
    <rPh sb="31" eb="33">
      <t>4メン</t>
    </rPh>
    <rPh sb="34" eb="35">
      <t>ホウ</t>
    </rPh>
    <rPh sb="35" eb="36">
      <t>ダイ</t>
    </rPh>
    <rPh sb="37" eb="38">
      <t>ジョウ</t>
    </rPh>
    <rPh sb="38" eb="39">
      <t>ダイ</t>
    </rPh>
    <rPh sb="40" eb="41">
      <t>コウ</t>
    </rPh>
    <rPh sb="42" eb="44">
      <t>キテイ</t>
    </rPh>
    <rPh sb="45" eb="46">
      <t>モト</t>
    </rPh>
    <rPh sb="48" eb="50">
      <t>シンセイ</t>
    </rPh>
    <rPh sb="51" eb="53">
      <t>バアイ</t>
    </rPh>
    <rPh sb="56" eb="58">
      <t>ミドリイロ</t>
    </rPh>
    <rPh sb="58" eb="60">
      <t>チャクショク</t>
    </rPh>
    <rPh sb="60" eb="62">
      <t>ブブン</t>
    </rPh>
    <rPh sb="64" eb="66">
      <t>ニュウリョク</t>
    </rPh>
    <phoneticPr fontId="19"/>
  </si>
  <si>
    <t>③法第5条第3項についてはあわせて【第二面（一号様式）】、【第四面（法第5条第3項の規定に基づく申請の場合）】の緑色着色部分をご入力ください</t>
    <phoneticPr fontId="19"/>
  </si>
  <si>
    <t>☑</t>
    <phoneticPr fontId="19"/>
  </si>
  <si>
    <t>□</t>
    <phoneticPr fontId="19"/>
  </si>
  <si>
    <t>確認書活用</t>
    <phoneticPr fontId="19"/>
  </si>
  <si>
    <t>法第5条第3項</t>
    <phoneticPr fontId="19"/>
  </si>
  <si>
    <t>設計者
（事務所名・氏名）</t>
    <rPh sb="0" eb="3">
      <t>セッケイシャ</t>
    </rPh>
    <rPh sb="5" eb="7">
      <t>ジム</t>
    </rPh>
    <rPh sb="7" eb="8">
      <t>ショ</t>
    </rPh>
    <rPh sb="8" eb="9">
      <t>メイ</t>
    </rPh>
    <rPh sb="10" eb="12">
      <t>シメイ</t>
    </rPh>
    <phoneticPr fontId="29"/>
  </si>
  <si>
    <t>代理者
（事務所名・氏名）</t>
    <rPh sb="0" eb="2">
      <t>ダイリ</t>
    </rPh>
    <rPh sb="2" eb="3">
      <t>シャ</t>
    </rPh>
    <rPh sb="5" eb="9">
      <t>ジムショメイ</t>
    </rPh>
    <rPh sb="10" eb="12">
      <t>シメイ</t>
    </rPh>
    <phoneticPr fontId="29"/>
  </si>
  <si>
    <t>代理者連絡先</t>
    <rPh sb="0" eb="2">
      <t>ダイリ</t>
    </rPh>
    <rPh sb="2" eb="3">
      <t>シャ</t>
    </rPh>
    <rPh sb="3" eb="6">
      <t>レンラクサキ</t>
    </rPh>
    <phoneticPr fontId="29"/>
  </si>
  <si>
    <t>045-210-〇〇〇〇</t>
    <phoneticPr fontId="38"/>
  </si>
  <si>
    <t>三浦市</t>
    <phoneticPr fontId="19"/>
  </si>
  <si>
    <t>S造</t>
  </si>
  <si>
    <t>　　　</t>
    <phoneticPr fontId="1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lt;=999]000;[&lt;=9999]000\-00;000\-0000"/>
    <numFmt numFmtId="177" formatCode="#,##0_ "/>
    <numFmt numFmtId="178" formatCode="#,##0.00_);[Red]\(#,##0.00\)"/>
    <numFmt numFmtId="179" formatCode="0_);[Red]\(0\)"/>
  </numFmts>
  <fonts count="49">
    <font>
      <sz val="11"/>
      <color theme="1"/>
      <name val="游ゴシック"/>
      <family val="2"/>
      <charset val="128"/>
      <scheme val="minor"/>
    </font>
    <font>
      <sz val="11"/>
      <color theme="1"/>
      <name val="游ゴシック"/>
      <family val="2"/>
      <charset val="128"/>
      <scheme val="minor"/>
    </font>
    <font>
      <sz val="18"/>
      <color theme="3"/>
      <name val="游ゴシック Light"/>
      <family val="2"/>
      <charset val="128"/>
      <scheme val="major"/>
    </font>
    <font>
      <b/>
      <sz val="15"/>
      <color theme="3"/>
      <name val="游ゴシック"/>
      <family val="2"/>
      <charset val="128"/>
      <scheme val="minor"/>
    </font>
    <font>
      <b/>
      <sz val="13"/>
      <color theme="3"/>
      <name val="游ゴシック"/>
      <family val="2"/>
      <charset val="128"/>
      <scheme val="minor"/>
    </font>
    <font>
      <b/>
      <sz val="11"/>
      <color theme="3"/>
      <name val="游ゴシック"/>
      <family val="2"/>
      <charset val="128"/>
      <scheme val="minor"/>
    </font>
    <font>
      <sz val="11"/>
      <color rgb="FF006100"/>
      <name val="游ゴシック"/>
      <family val="2"/>
      <charset val="128"/>
      <scheme val="minor"/>
    </font>
    <font>
      <sz val="11"/>
      <color rgb="FF9C0006"/>
      <name val="游ゴシック"/>
      <family val="2"/>
      <charset val="128"/>
      <scheme val="minor"/>
    </font>
    <font>
      <sz val="11"/>
      <color rgb="FF9C5700"/>
      <name val="游ゴシック"/>
      <family val="2"/>
      <charset val="128"/>
      <scheme val="minor"/>
    </font>
    <font>
      <sz val="11"/>
      <color rgb="FF3F3F76"/>
      <name val="游ゴシック"/>
      <family val="2"/>
      <charset val="128"/>
      <scheme val="minor"/>
    </font>
    <font>
      <b/>
      <sz val="11"/>
      <color rgb="FF3F3F3F"/>
      <name val="游ゴシック"/>
      <family val="2"/>
      <charset val="128"/>
      <scheme val="minor"/>
    </font>
    <font>
      <b/>
      <sz val="11"/>
      <color rgb="FFFA7D00"/>
      <name val="游ゴシック"/>
      <family val="2"/>
      <charset val="128"/>
      <scheme val="minor"/>
    </font>
    <font>
      <sz val="11"/>
      <color rgb="FFFA7D00"/>
      <name val="游ゴシック"/>
      <family val="2"/>
      <charset val="128"/>
      <scheme val="minor"/>
    </font>
    <font>
      <b/>
      <sz val="11"/>
      <color theme="0"/>
      <name val="游ゴシック"/>
      <family val="2"/>
      <charset val="128"/>
      <scheme val="minor"/>
    </font>
    <font>
      <sz val="11"/>
      <color rgb="FFFF0000"/>
      <name val="游ゴシック"/>
      <family val="2"/>
      <charset val="128"/>
      <scheme val="minor"/>
    </font>
    <font>
      <i/>
      <sz val="11"/>
      <color rgb="FF7F7F7F"/>
      <name val="游ゴシック"/>
      <family val="2"/>
      <charset val="128"/>
      <scheme val="minor"/>
    </font>
    <font>
      <b/>
      <sz val="11"/>
      <color theme="1"/>
      <name val="游ゴシック"/>
      <family val="2"/>
      <charset val="128"/>
      <scheme val="minor"/>
    </font>
    <font>
      <sz val="11"/>
      <color theme="0"/>
      <name val="游ゴシック"/>
      <family val="2"/>
      <charset val="128"/>
      <scheme val="minor"/>
    </font>
    <font>
      <sz val="10.5"/>
      <color rgb="FF000000"/>
      <name val="ＭＳ 明朝"/>
      <family val="1"/>
      <charset val="128"/>
    </font>
    <font>
      <sz val="6"/>
      <name val="游ゴシック"/>
      <family val="2"/>
      <charset val="128"/>
      <scheme val="minor"/>
    </font>
    <font>
      <sz val="10"/>
      <color rgb="FF000000"/>
      <name val="ＭＳ 明朝"/>
      <family val="1"/>
      <charset val="128"/>
    </font>
    <font>
      <sz val="10"/>
      <color theme="1"/>
      <name val="游ゴシック"/>
      <family val="2"/>
      <charset val="128"/>
      <scheme val="minor"/>
    </font>
    <font>
      <sz val="9"/>
      <color rgb="FF000000"/>
      <name val="ＭＳ 明朝"/>
      <family val="1"/>
      <charset val="128"/>
    </font>
    <font>
      <sz val="9"/>
      <color theme="1"/>
      <name val="游ゴシック"/>
      <family val="2"/>
      <charset val="128"/>
      <scheme val="minor"/>
    </font>
    <font>
      <sz val="9"/>
      <color rgb="FFFF0000"/>
      <name val="ＭＳ 明朝"/>
      <family val="1"/>
      <charset val="128"/>
    </font>
    <font>
      <sz val="11"/>
      <color theme="1"/>
      <name val="ＭＳ 明朝"/>
      <family val="1"/>
      <charset val="128"/>
    </font>
    <font>
      <sz val="9"/>
      <color theme="1"/>
      <name val="ＭＳ 明朝"/>
      <family val="1"/>
      <charset val="128"/>
    </font>
    <font>
      <sz val="10"/>
      <color theme="1"/>
      <name val="ＭＳ 明朝"/>
      <family val="1"/>
      <charset val="128"/>
    </font>
    <font>
      <sz val="9"/>
      <name val="ＭＳ 明朝"/>
      <family val="1"/>
      <charset val="128"/>
    </font>
    <font>
      <sz val="6"/>
      <name val="ＭＳ Ｐゴシック"/>
      <family val="3"/>
      <charset val="128"/>
    </font>
    <font>
      <sz val="11"/>
      <name val="ＭＳ Ｐゴシック"/>
      <family val="3"/>
      <charset val="128"/>
    </font>
    <font>
      <sz val="11"/>
      <name val="ＭＳ 明朝"/>
      <family val="1"/>
      <charset val="128"/>
    </font>
    <font>
      <sz val="10"/>
      <name val="ＭＳ 明朝"/>
      <family val="1"/>
      <charset val="128"/>
    </font>
    <font>
      <sz val="8"/>
      <name val="ＭＳ 明朝"/>
      <family val="1"/>
      <charset val="128"/>
    </font>
    <font>
      <sz val="12"/>
      <name val="ＭＳ 明朝"/>
      <family val="1"/>
      <charset val="128"/>
    </font>
    <font>
      <sz val="10.5"/>
      <name val="ＭＳ 明朝"/>
      <family val="1"/>
      <charset val="128"/>
    </font>
    <font>
      <sz val="9"/>
      <name val="游ゴシック"/>
      <family val="2"/>
      <charset val="128"/>
      <scheme val="minor"/>
    </font>
    <font>
      <sz val="9"/>
      <name val="游ゴシック"/>
      <family val="3"/>
      <charset val="128"/>
      <scheme val="minor"/>
    </font>
    <font>
      <sz val="6"/>
      <name val="ＭＳ 明朝"/>
      <family val="1"/>
      <charset val="128"/>
    </font>
    <font>
      <sz val="10"/>
      <name val="ＭＳ Ｐゴシック"/>
      <family val="3"/>
      <charset val="128"/>
    </font>
    <font>
      <sz val="10"/>
      <name val="游ゴシック"/>
      <family val="3"/>
      <charset val="128"/>
      <scheme val="minor"/>
    </font>
    <font>
      <sz val="10"/>
      <name val="HGP創英角ｺﾞｼｯｸUB"/>
      <family val="3"/>
      <charset val="128"/>
    </font>
    <font>
      <sz val="10"/>
      <color rgb="FFFF0000"/>
      <name val="ＭＳ 明朝"/>
      <family val="1"/>
      <charset val="128"/>
    </font>
    <font>
      <sz val="10"/>
      <color rgb="FFFF0000"/>
      <name val="HGP創英角ｺﾞｼｯｸUB"/>
      <family val="3"/>
      <charset val="128"/>
    </font>
    <font>
      <sz val="14"/>
      <color rgb="FF002060"/>
      <name val="游ゴシック"/>
      <family val="3"/>
      <charset val="128"/>
      <scheme val="minor"/>
    </font>
    <font>
      <sz val="10"/>
      <color indexed="10"/>
      <name val="ＭＳ 明朝"/>
      <family val="1"/>
      <charset val="128"/>
    </font>
    <font>
      <b/>
      <sz val="8"/>
      <color indexed="81"/>
      <name val="ＭＳ Ｐゴシック"/>
      <family val="3"/>
      <charset val="128"/>
    </font>
    <font>
      <sz val="10.5"/>
      <color theme="1"/>
      <name val="ＭＳ 明朝"/>
      <family val="1"/>
      <charset val="128"/>
    </font>
    <font>
      <sz val="12"/>
      <color theme="1"/>
      <name val="Segoe UI Symbol"/>
      <family val="2"/>
    </font>
  </fonts>
  <fills count="38">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rgb="FFFFFFCC"/>
        <bgColor indexed="64"/>
      </patternFill>
    </fill>
    <fill>
      <patternFill patternType="solid">
        <fgColor theme="0" tint="-0.14996795556505021"/>
        <bgColor indexed="64"/>
      </patternFill>
    </fill>
    <fill>
      <patternFill patternType="solid">
        <fgColor rgb="FFFAF9DD"/>
        <bgColor indexed="64"/>
      </patternFill>
    </fill>
    <fill>
      <patternFill patternType="solid">
        <fgColor theme="9" tint="0.59999389629810485"/>
        <bgColor indexed="64"/>
      </patternFill>
    </fill>
    <fill>
      <patternFill patternType="solid">
        <fgColor theme="0"/>
        <bgColor indexed="64"/>
      </patternFill>
    </fill>
  </fills>
  <borders count="44">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tted">
        <color indexed="64"/>
      </left>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dotted">
        <color indexed="64"/>
      </left>
      <right/>
      <top style="thin">
        <color indexed="64"/>
      </top>
      <bottom style="medium">
        <color indexed="64"/>
      </bottom>
      <diagonal/>
    </border>
    <border>
      <left/>
      <right style="dotted">
        <color indexed="64"/>
      </right>
      <top/>
      <bottom style="thin">
        <color indexed="64"/>
      </bottom>
      <diagonal/>
    </border>
    <border>
      <left style="dotted">
        <color indexed="64"/>
      </left>
      <right/>
      <top/>
      <bottom style="thin">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style="dotted">
        <color indexed="64"/>
      </right>
      <top/>
      <bottom style="thin">
        <color indexed="64"/>
      </bottom>
      <diagonal/>
    </border>
    <border>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diagonalUp="1">
      <left style="thin">
        <color indexed="64"/>
      </left>
      <right style="dotted">
        <color indexed="64"/>
      </right>
      <top style="thin">
        <color indexed="64"/>
      </top>
      <bottom style="thin">
        <color indexed="64"/>
      </bottom>
      <diagonal style="thin">
        <color indexed="64"/>
      </diagonal>
    </border>
    <border diagonalUp="1">
      <left style="dotted">
        <color indexed="64"/>
      </left>
      <right style="dotted">
        <color indexed="64"/>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style="dotted">
        <color indexed="64"/>
      </left>
      <right/>
      <top style="thin">
        <color indexed="64"/>
      </top>
      <bottom style="thin">
        <color indexed="64"/>
      </bottom>
      <diagonal style="thin">
        <color indexed="64"/>
      </diagonal>
    </border>
    <border diagonalUp="1">
      <left style="dotted">
        <color indexed="64"/>
      </left>
      <right style="thin">
        <color indexed="64"/>
      </right>
      <top style="thin">
        <color indexed="64"/>
      </top>
      <bottom style="thin">
        <color indexed="64"/>
      </bottom>
      <diagonal style="thin">
        <color indexed="64"/>
      </diagonal>
    </border>
  </borders>
  <cellStyleXfs count="47">
    <xf numFmtId="0" fontId="0" fillId="0" borderId="0">
      <alignment vertical="center"/>
    </xf>
    <xf numFmtId="0" fontId="2" fillId="0" borderId="0" applyNumberFormat="0" applyFill="0" applyBorder="0" applyAlignment="0" applyProtection="0">
      <alignment vertical="center"/>
    </xf>
    <xf numFmtId="0" fontId="3" fillId="0" borderId="1" applyNumberFormat="0" applyFill="0" applyAlignment="0" applyProtection="0">
      <alignment vertical="center"/>
    </xf>
    <xf numFmtId="0" fontId="4" fillId="0" borderId="2" applyNumberFormat="0" applyFill="0" applyAlignment="0" applyProtection="0">
      <alignment vertical="center"/>
    </xf>
    <xf numFmtId="0" fontId="5" fillId="0" borderId="3" applyNumberFormat="0" applyFill="0" applyAlignment="0" applyProtection="0">
      <alignment vertical="center"/>
    </xf>
    <xf numFmtId="0" fontId="5" fillId="0" borderId="0" applyNumberFormat="0" applyFill="0" applyBorder="0" applyAlignment="0" applyProtection="0">
      <alignment vertical="center"/>
    </xf>
    <xf numFmtId="0" fontId="6" fillId="2" borderId="0" applyNumberFormat="0" applyBorder="0" applyAlignment="0" applyProtection="0">
      <alignment vertical="center"/>
    </xf>
    <xf numFmtId="0" fontId="7" fillId="3" borderId="0" applyNumberFormat="0" applyBorder="0" applyAlignment="0" applyProtection="0">
      <alignment vertical="center"/>
    </xf>
    <xf numFmtId="0" fontId="8" fillId="4" borderId="0" applyNumberFormat="0" applyBorder="0" applyAlignment="0" applyProtection="0">
      <alignment vertical="center"/>
    </xf>
    <xf numFmtId="0" fontId="9" fillId="5" borderId="4" applyNumberFormat="0" applyAlignment="0" applyProtection="0">
      <alignment vertical="center"/>
    </xf>
    <xf numFmtId="0" fontId="10" fillId="6" borderId="5" applyNumberFormat="0" applyAlignment="0" applyProtection="0">
      <alignment vertical="center"/>
    </xf>
    <xf numFmtId="0" fontId="11" fillId="6" borderId="4" applyNumberFormat="0" applyAlignment="0" applyProtection="0">
      <alignment vertical="center"/>
    </xf>
    <xf numFmtId="0" fontId="12" fillId="0" borderId="6" applyNumberFormat="0" applyFill="0" applyAlignment="0" applyProtection="0">
      <alignment vertical="center"/>
    </xf>
    <xf numFmtId="0" fontId="13" fillId="7" borderId="7" applyNumberFormat="0" applyAlignment="0" applyProtection="0">
      <alignment vertical="center"/>
    </xf>
    <xf numFmtId="0" fontId="14" fillId="0" borderId="0" applyNumberFormat="0" applyFill="0" applyBorder="0" applyAlignment="0" applyProtection="0">
      <alignment vertical="center"/>
    </xf>
    <xf numFmtId="0" fontId="1" fillId="8" borderId="8" applyNumberFormat="0" applyFont="0" applyAlignment="0" applyProtection="0">
      <alignment vertical="center"/>
    </xf>
    <xf numFmtId="0" fontId="15" fillId="0" borderId="0" applyNumberFormat="0" applyFill="0" applyBorder="0" applyAlignment="0" applyProtection="0">
      <alignment vertical="center"/>
    </xf>
    <xf numFmtId="0" fontId="16" fillId="0" borderId="9" applyNumberFormat="0" applyFill="0" applyAlignment="0" applyProtection="0">
      <alignment vertical="center"/>
    </xf>
    <xf numFmtId="0" fontId="17"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 fillId="12" borderId="0" applyNumberFormat="0" applyBorder="0" applyAlignment="0" applyProtection="0">
      <alignment vertical="center"/>
    </xf>
    <xf numFmtId="0" fontId="17"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1" fillId="16" borderId="0" applyNumberFormat="0" applyBorder="0" applyAlignment="0" applyProtection="0">
      <alignment vertical="center"/>
    </xf>
    <xf numFmtId="0" fontId="17"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1" fillId="20" borderId="0" applyNumberFormat="0" applyBorder="0" applyAlignment="0" applyProtection="0">
      <alignment vertical="center"/>
    </xf>
    <xf numFmtId="0" fontId="17"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1" fillId="24" borderId="0" applyNumberFormat="0" applyBorder="0" applyAlignment="0" applyProtection="0">
      <alignment vertical="center"/>
    </xf>
    <xf numFmtId="0" fontId="17"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1" fillId="28" borderId="0" applyNumberFormat="0" applyBorder="0" applyAlignment="0" applyProtection="0">
      <alignment vertical="center"/>
    </xf>
    <xf numFmtId="0" fontId="17"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1" fillId="32" borderId="0" applyNumberFormat="0" applyBorder="0" applyAlignment="0" applyProtection="0">
      <alignment vertical="center"/>
    </xf>
    <xf numFmtId="0" fontId="30" fillId="0" borderId="0"/>
    <xf numFmtId="0" fontId="30" fillId="0" borderId="0">
      <alignment vertical="center"/>
    </xf>
    <xf numFmtId="0" fontId="30" fillId="0" borderId="0">
      <alignment vertical="center"/>
    </xf>
    <xf numFmtId="38" fontId="30" fillId="0" borderId="0" applyFont="0" applyFill="0" applyBorder="0" applyAlignment="0" applyProtection="0">
      <alignment vertical="center"/>
    </xf>
    <xf numFmtId="0" fontId="34" fillId="0" borderId="0">
      <alignment vertical="center"/>
    </xf>
  </cellStyleXfs>
  <cellXfs count="356">
    <xf numFmtId="0" fontId="0" fillId="0" borderId="0" xfId="0">
      <alignment vertical="center"/>
    </xf>
    <xf numFmtId="0" fontId="18" fillId="0" borderId="0" xfId="0" applyFont="1" applyAlignment="1">
      <alignment horizontal="justify" vertical="center"/>
    </xf>
    <xf numFmtId="0" fontId="18" fillId="0" borderId="0" xfId="0" applyFont="1" applyAlignment="1">
      <alignment horizontal="left" vertical="center"/>
    </xf>
    <xf numFmtId="0" fontId="18" fillId="0" borderId="0" xfId="0" applyFont="1">
      <alignment vertical="center"/>
    </xf>
    <xf numFmtId="0" fontId="18" fillId="0" borderId="0" xfId="0" applyFont="1" applyAlignment="1">
      <alignment vertical="top" wrapText="1"/>
    </xf>
    <xf numFmtId="0" fontId="18" fillId="0" borderId="0" xfId="0" applyFont="1" applyAlignment="1">
      <alignment horizontal="justify" vertical="top" wrapText="1"/>
    </xf>
    <xf numFmtId="0" fontId="18" fillId="0" borderId="0" xfId="0" applyFont="1" applyAlignment="1">
      <alignment vertical="center" wrapText="1"/>
    </xf>
    <xf numFmtId="0" fontId="21" fillId="0" borderId="0" xfId="0" applyFont="1">
      <alignment vertical="center"/>
    </xf>
    <xf numFmtId="0" fontId="20" fillId="0" borderId="0" xfId="0" applyFont="1">
      <alignment vertical="center"/>
    </xf>
    <xf numFmtId="0" fontId="23" fillId="0" borderId="0" xfId="0" applyFont="1">
      <alignment vertical="center"/>
    </xf>
    <xf numFmtId="0" fontId="22" fillId="0" borderId="0" xfId="0" applyFont="1">
      <alignment vertical="center"/>
    </xf>
    <xf numFmtId="0" fontId="22" fillId="0" borderId="0" xfId="0" applyFont="1" applyAlignment="1">
      <alignment horizontal="left" vertical="center"/>
    </xf>
    <xf numFmtId="0" fontId="22" fillId="0" borderId="0" xfId="0" applyFont="1" applyAlignment="1">
      <alignment horizontal="left" vertical="center" wrapText="1"/>
    </xf>
    <xf numFmtId="0" fontId="25" fillId="0" borderId="0" xfId="0" applyFont="1">
      <alignment vertical="center"/>
    </xf>
    <xf numFmtId="0" fontId="26" fillId="0" borderId="0" xfId="0" applyFont="1">
      <alignment vertical="center"/>
    </xf>
    <xf numFmtId="0" fontId="27" fillId="0" borderId="0" xfId="0" applyFont="1">
      <alignment vertical="center"/>
    </xf>
    <xf numFmtId="0" fontId="27" fillId="0" borderId="20" xfId="0" applyFont="1" applyBorder="1">
      <alignment vertical="center"/>
    </xf>
    <xf numFmtId="0" fontId="21" fillId="0" borderId="19" xfId="0" applyFont="1" applyBorder="1">
      <alignment vertical="center"/>
    </xf>
    <xf numFmtId="0" fontId="23" fillId="0" borderId="0" xfId="0" applyFont="1" applyAlignment="1">
      <alignment horizontal="left" vertical="center"/>
    </xf>
    <xf numFmtId="0" fontId="20" fillId="0" borderId="0" xfId="0" applyFont="1" applyAlignment="1">
      <alignment horizontal="justify" vertical="center"/>
    </xf>
    <xf numFmtId="0" fontId="20" fillId="0" borderId="0" xfId="0" applyFont="1" applyAlignment="1">
      <alignment horizontal="justify" vertical="top"/>
    </xf>
    <xf numFmtId="0" fontId="27" fillId="0" borderId="19" xfId="0" applyFont="1" applyBorder="1">
      <alignment vertical="center"/>
    </xf>
    <xf numFmtId="0" fontId="20" fillId="0" borderId="0" xfId="0" applyFont="1" applyAlignment="1">
      <alignment vertical="top"/>
    </xf>
    <xf numFmtId="0" fontId="20" fillId="0" borderId="0" xfId="0" applyFont="1" applyAlignment="1">
      <alignment vertical="top" wrapText="1"/>
    </xf>
    <xf numFmtId="0" fontId="27" fillId="0" borderId="18" xfId="0" applyFont="1" applyBorder="1">
      <alignment vertical="center"/>
    </xf>
    <xf numFmtId="0" fontId="26" fillId="0" borderId="0" xfId="0" applyFont="1" applyAlignment="1">
      <alignment horizontal="left" vertical="center"/>
    </xf>
    <xf numFmtId="0" fontId="22" fillId="0" borderId="0" xfId="0" applyFont="1" applyAlignment="1">
      <alignment horizontal="justify" vertical="center"/>
    </xf>
    <xf numFmtId="0" fontId="35" fillId="0" borderId="0" xfId="0" applyFont="1">
      <alignment vertical="center"/>
    </xf>
    <xf numFmtId="0" fontId="31" fillId="0" borderId="0" xfId="0" applyFont="1">
      <alignment vertical="center"/>
    </xf>
    <xf numFmtId="0" fontId="35" fillId="0" borderId="0" xfId="0" applyFont="1" applyAlignment="1">
      <alignment horizontal="justify" vertical="center"/>
    </xf>
    <xf numFmtId="0" fontId="31" fillId="0" borderId="0" xfId="0" applyFont="1" applyAlignment="1">
      <alignment horizontal="center" vertical="center"/>
    </xf>
    <xf numFmtId="0" fontId="35" fillId="0" borderId="0" xfId="0" applyFont="1" applyAlignment="1">
      <alignment horizontal="center" vertical="center"/>
    </xf>
    <xf numFmtId="0" fontId="35" fillId="33" borderId="0" xfId="0" applyFont="1" applyFill="1">
      <alignment vertical="center"/>
    </xf>
    <xf numFmtId="0" fontId="31" fillId="33" borderId="0" xfId="0" applyFont="1" applyFill="1">
      <alignment vertical="center"/>
    </xf>
    <xf numFmtId="0" fontId="33" fillId="0" borderId="0" xfId="0" applyFont="1">
      <alignment vertical="center"/>
    </xf>
    <xf numFmtId="0" fontId="33" fillId="0" borderId="0" xfId="0" applyFont="1" applyAlignment="1">
      <alignment vertical="top"/>
    </xf>
    <xf numFmtId="0" fontId="31" fillId="0" borderId="0" xfId="0" applyFont="1" applyAlignment="1">
      <alignment horizontal="left" vertical="center" wrapText="1"/>
    </xf>
    <xf numFmtId="0" fontId="28" fillId="0" borderId="0" xfId="0" applyFont="1">
      <alignment vertical="center"/>
    </xf>
    <xf numFmtId="0" fontId="28" fillId="0" borderId="0" xfId="0" applyFont="1" applyAlignment="1">
      <alignment horizontal="left" vertical="center"/>
    </xf>
    <xf numFmtId="0" fontId="28" fillId="0" borderId="0" xfId="0" applyFont="1" applyAlignment="1">
      <alignment vertical="center" wrapText="1"/>
    </xf>
    <xf numFmtId="0" fontId="28" fillId="0" borderId="0" xfId="0" applyFont="1" applyAlignment="1">
      <alignment horizontal="left" vertical="center" wrapText="1"/>
    </xf>
    <xf numFmtId="0" fontId="28" fillId="0" borderId="0" xfId="0" applyFont="1" applyAlignment="1">
      <alignment horizontal="justify" vertical="center"/>
    </xf>
    <xf numFmtId="0" fontId="28" fillId="0" borderId="19" xfId="0" applyFont="1" applyBorder="1">
      <alignment vertical="center"/>
    </xf>
    <xf numFmtId="0" fontId="28" fillId="0" borderId="20" xfId="0" applyFont="1" applyBorder="1">
      <alignment vertical="center"/>
    </xf>
    <xf numFmtId="0" fontId="28" fillId="0" borderId="15" xfId="0" applyFont="1" applyBorder="1">
      <alignment vertical="center"/>
    </xf>
    <xf numFmtId="0" fontId="28" fillId="0" borderId="17" xfId="0" applyFont="1" applyBorder="1">
      <alignment vertical="center"/>
    </xf>
    <xf numFmtId="0" fontId="28" fillId="0" borderId="16" xfId="0" applyFont="1" applyBorder="1">
      <alignment vertical="center"/>
    </xf>
    <xf numFmtId="0" fontId="22" fillId="0" borderId="0" xfId="0" applyFont="1" applyAlignment="1">
      <alignment horizontal="center" vertical="center"/>
    </xf>
    <xf numFmtId="0" fontId="28" fillId="0" borderId="18" xfId="0" applyFont="1" applyBorder="1">
      <alignment vertical="center"/>
    </xf>
    <xf numFmtId="0" fontId="36" fillId="0" borderId="19" xfId="0" applyFont="1" applyBorder="1">
      <alignment vertical="center"/>
    </xf>
    <xf numFmtId="0" fontId="36" fillId="0" borderId="20" xfId="0" applyFont="1" applyBorder="1">
      <alignment vertical="center"/>
    </xf>
    <xf numFmtId="0" fontId="28" fillId="0" borderId="11" xfId="0" applyFont="1" applyBorder="1">
      <alignment vertical="center"/>
    </xf>
    <xf numFmtId="0" fontId="28" fillId="0" borderId="12" xfId="0" applyFont="1" applyBorder="1">
      <alignment vertical="center"/>
    </xf>
    <xf numFmtId="0" fontId="36" fillId="0" borderId="12" xfId="0" applyFont="1" applyBorder="1">
      <alignment vertical="center"/>
    </xf>
    <xf numFmtId="0" fontId="36" fillId="0" borderId="13" xfId="0" applyFont="1" applyBorder="1">
      <alignment vertical="center"/>
    </xf>
    <xf numFmtId="0" fontId="28" fillId="0" borderId="10" xfId="0" applyFont="1" applyBorder="1">
      <alignment vertical="center"/>
    </xf>
    <xf numFmtId="0" fontId="36" fillId="0" borderId="0" xfId="0" applyFont="1">
      <alignment vertical="center"/>
    </xf>
    <xf numFmtId="0" fontId="36" fillId="33" borderId="0" xfId="0" applyFont="1" applyFill="1">
      <alignment vertical="center"/>
    </xf>
    <xf numFmtId="0" fontId="36" fillId="0" borderId="14" xfId="0" applyFont="1" applyBorder="1">
      <alignment vertical="center"/>
    </xf>
    <xf numFmtId="0" fontId="37" fillId="0" borderId="0" xfId="0" applyFont="1">
      <alignment vertical="center"/>
    </xf>
    <xf numFmtId="0" fontId="36" fillId="0" borderId="16" xfId="0" applyFont="1" applyBorder="1">
      <alignment vertical="center"/>
    </xf>
    <xf numFmtId="0" fontId="36" fillId="33" borderId="16" xfId="0" applyFont="1" applyFill="1" applyBorder="1">
      <alignment vertical="center"/>
    </xf>
    <xf numFmtId="0" fontId="36" fillId="0" borderId="17" xfId="0" applyFont="1" applyBorder="1">
      <alignment vertical="center"/>
    </xf>
    <xf numFmtId="0" fontId="22" fillId="0" borderId="11" xfId="0" applyFont="1" applyBorder="1">
      <alignment vertical="center"/>
    </xf>
    <xf numFmtId="0" fontId="22" fillId="0" borderId="12" xfId="0" applyFont="1" applyBorder="1">
      <alignment vertical="center"/>
    </xf>
    <xf numFmtId="0" fontId="23" fillId="0" borderId="12" xfId="0" applyFont="1" applyBorder="1">
      <alignment vertical="center"/>
    </xf>
    <xf numFmtId="0" fontId="23" fillId="0" borderId="13" xfId="0" applyFont="1" applyBorder="1">
      <alignment vertical="center"/>
    </xf>
    <xf numFmtId="0" fontId="22" fillId="0" borderId="10" xfId="0" applyFont="1" applyBorder="1">
      <alignment vertical="center"/>
    </xf>
    <xf numFmtId="0" fontId="23" fillId="0" borderId="14" xfId="0" applyFont="1" applyBorder="1">
      <alignment vertical="center"/>
    </xf>
    <xf numFmtId="0" fontId="24" fillId="0" borderId="0" xfId="0" applyFont="1" applyAlignment="1">
      <alignment vertical="top" wrapText="1"/>
    </xf>
    <xf numFmtId="0" fontId="28" fillId="0" borderId="13" xfId="0" applyFont="1" applyBorder="1">
      <alignment vertical="center"/>
    </xf>
    <xf numFmtId="0" fontId="28" fillId="0" borderId="14" xfId="0" applyFont="1" applyBorder="1">
      <alignment vertical="center"/>
    </xf>
    <xf numFmtId="0" fontId="36" fillId="0" borderId="0" xfId="0" applyFont="1" applyAlignment="1">
      <alignment horizontal="left" vertical="center"/>
    </xf>
    <xf numFmtId="0" fontId="35" fillId="0" borderId="0" xfId="0" applyFont="1" applyAlignment="1">
      <alignment horizontal="left" vertical="center"/>
    </xf>
    <xf numFmtId="0" fontId="0" fillId="0" borderId="0" xfId="0" applyAlignment="1">
      <alignment horizontal="left" vertical="center"/>
    </xf>
    <xf numFmtId="0" fontId="32" fillId="0" borderId="0" xfId="0" applyFont="1">
      <alignment vertical="center"/>
    </xf>
    <xf numFmtId="0" fontId="32" fillId="0" borderId="0" xfId="43" applyFont="1">
      <alignment vertical="center"/>
    </xf>
    <xf numFmtId="0" fontId="32" fillId="34" borderId="19" xfId="43" applyFont="1" applyFill="1" applyBorder="1" applyAlignment="1">
      <alignment horizontal="center" vertical="center"/>
    </xf>
    <xf numFmtId="0" fontId="41" fillId="0" borderId="0" xfId="43" applyFont="1">
      <alignment vertical="center"/>
    </xf>
    <xf numFmtId="0" fontId="32" fillId="34" borderId="20" xfId="43" applyFont="1" applyFill="1" applyBorder="1" applyAlignment="1">
      <alignment horizontal="center" vertical="center"/>
    </xf>
    <xf numFmtId="0" fontId="32" fillId="0" borderId="0" xfId="43" applyFont="1" applyAlignment="1">
      <alignment horizontal="center" vertical="center"/>
    </xf>
    <xf numFmtId="0" fontId="32" fillId="34" borderId="25" xfId="43" applyFont="1" applyFill="1" applyBorder="1" applyAlignment="1">
      <alignment horizontal="center" vertical="center"/>
    </xf>
    <xf numFmtId="0" fontId="32" fillId="34" borderId="26" xfId="43" applyFont="1" applyFill="1" applyBorder="1" applyAlignment="1">
      <alignment horizontal="center" vertical="center"/>
    </xf>
    <xf numFmtId="0" fontId="32" fillId="34" borderId="27" xfId="43" applyFont="1" applyFill="1" applyBorder="1" applyAlignment="1">
      <alignment horizontal="center" vertical="center"/>
    </xf>
    <xf numFmtId="0" fontId="32" fillId="34" borderId="28" xfId="43" applyFont="1" applyFill="1" applyBorder="1" applyAlignment="1">
      <alignment horizontal="center" vertical="center"/>
    </xf>
    <xf numFmtId="0" fontId="32" fillId="34" borderId="29" xfId="43" applyFont="1" applyFill="1" applyBorder="1" applyAlignment="1">
      <alignment horizontal="center" vertical="center"/>
    </xf>
    <xf numFmtId="177" fontId="32" fillId="34" borderId="19" xfId="43" applyNumberFormat="1" applyFont="1" applyFill="1" applyBorder="1" applyAlignment="1">
      <alignment horizontal="center" vertical="center" wrapText="1"/>
    </xf>
    <xf numFmtId="177" fontId="32" fillId="34" borderId="26" xfId="43" applyNumberFormat="1" applyFont="1" applyFill="1" applyBorder="1" applyAlignment="1">
      <alignment horizontal="center" vertical="center" wrapText="1"/>
    </xf>
    <xf numFmtId="0" fontId="32" fillId="34" borderId="18" xfId="43" applyFont="1" applyFill="1" applyBorder="1" applyAlignment="1">
      <alignment horizontal="center" vertical="center"/>
    </xf>
    <xf numFmtId="0" fontId="32" fillId="34" borderId="21" xfId="43" applyFont="1" applyFill="1" applyBorder="1" applyAlignment="1">
      <alignment horizontal="center" vertical="center"/>
    </xf>
    <xf numFmtId="0" fontId="32" fillId="34" borderId="17" xfId="43" applyFont="1" applyFill="1" applyBorder="1" applyAlignment="1">
      <alignment horizontal="center" vertical="center" wrapText="1"/>
    </xf>
    <xf numFmtId="0" fontId="32" fillId="34" borderId="24" xfId="43" applyFont="1" applyFill="1" applyBorder="1" applyAlignment="1">
      <alignment horizontal="center" vertical="center" wrapText="1"/>
    </xf>
    <xf numFmtId="0" fontId="32" fillId="34" borderId="21" xfId="43" applyFont="1" applyFill="1" applyBorder="1" applyAlignment="1">
      <alignment horizontal="center" vertical="center" wrapText="1"/>
    </xf>
    <xf numFmtId="0" fontId="42" fillId="34" borderId="21" xfId="43" applyFont="1" applyFill="1" applyBorder="1" applyAlignment="1">
      <alignment horizontal="center" vertical="center"/>
    </xf>
    <xf numFmtId="179" fontId="42" fillId="0" borderId="20" xfId="43" applyNumberFormat="1" applyFont="1" applyBorder="1" applyAlignment="1" applyProtection="1">
      <alignment horizontal="center" vertical="center" shrinkToFit="1"/>
      <protection hidden="1"/>
    </xf>
    <xf numFmtId="0" fontId="42" fillId="0" borderId="17" xfId="43" applyFont="1" applyBorder="1" applyProtection="1">
      <alignment vertical="center"/>
      <protection hidden="1"/>
    </xf>
    <xf numFmtId="0" fontId="42" fillId="0" borderId="20" xfId="43" applyFont="1" applyBorder="1" applyProtection="1">
      <alignment vertical="center"/>
      <protection locked="0"/>
    </xf>
    <xf numFmtId="0" fontId="42" fillId="0" borderId="30" xfId="43" applyFont="1" applyBorder="1" applyProtection="1">
      <alignment vertical="center"/>
      <protection locked="0"/>
    </xf>
    <xf numFmtId="0" fontId="42" fillId="0" borderId="16" xfId="43" applyFont="1" applyBorder="1" applyProtection="1">
      <alignment vertical="center"/>
      <protection locked="0"/>
    </xf>
    <xf numFmtId="0" fontId="42" fillId="0" borderId="31" xfId="43" applyFont="1" applyBorder="1" applyProtection="1">
      <alignment vertical="center"/>
      <protection locked="0"/>
    </xf>
    <xf numFmtId="0" fontId="42" fillId="0" borderId="32" xfId="43" applyFont="1" applyBorder="1" applyProtection="1">
      <alignment vertical="center"/>
      <protection locked="0"/>
    </xf>
    <xf numFmtId="0" fontId="42" fillId="0" borderId="33" xfId="43" applyFont="1" applyBorder="1" applyProtection="1">
      <alignment vertical="center"/>
      <protection locked="0"/>
    </xf>
    <xf numFmtId="0" fontId="42" fillId="0" borderId="34" xfId="43" applyFont="1" applyBorder="1" applyProtection="1">
      <alignment vertical="center"/>
      <protection locked="0"/>
    </xf>
    <xf numFmtId="178" fontId="42" fillId="0" borderId="21" xfId="43" applyNumberFormat="1" applyFont="1" applyBorder="1" applyProtection="1">
      <alignment vertical="center"/>
      <protection locked="0"/>
    </xf>
    <xf numFmtId="0" fontId="42" fillId="0" borderId="24" xfId="43" applyFont="1" applyBorder="1" applyProtection="1">
      <alignment vertical="center"/>
      <protection locked="0"/>
    </xf>
    <xf numFmtId="177" fontId="42" fillId="0" borderId="21" xfId="43" applyNumberFormat="1" applyFont="1" applyBorder="1">
      <alignment vertical="center"/>
    </xf>
    <xf numFmtId="177" fontId="42" fillId="0" borderId="33" xfId="43" applyNumberFormat="1" applyFont="1" applyBorder="1" applyProtection="1">
      <alignment vertical="center"/>
      <protection locked="0"/>
    </xf>
    <xf numFmtId="177" fontId="42" fillId="0" borderId="16" xfId="43" applyNumberFormat="1" applyFont="1" applyBorder="1" applyProtection="1">
      <alignment vertical="center"/>
      <protection locked="0"/>
    </xf>
    <xf numFmtId="0" fontId="42" fillId="0" borderId="17" xfId="43" applyFont="1" applyBorder="1" applyProtection="1">
      <alignment vertical="center"/>
      <protection locked="0"/>
    </xf>
    <xf numFmtId="0" fontId="42" fillId="0" borderId="24" xfId="43" applyFont="1" applyBorder="1">
      <alignment vertical="center"/>
    </xf>
    <xf numFmtId="0" fontId="42" fillId="0" borderId="17" xfId="43" applyFont="1" applyBorder="1" applyAlignment="1" applyProtection="1">
      <alignment horizontal="center" vertical="center"/>
      <protection locked="0"/>
    </xf>
    <xf numFmtId="177" fontId="42" fillId="0" borderId="24" xfId="43" applyNumberFormat="1" applyFont="1" applyBorder="1">
      <alignment vertical="center"/>
    </xf>
    <xf numFmtId="38" fontId="42" fillId="0" borderId="24" xfId="45" applyFont="1" applyFill="1" applyBorder="1">
      <alignment vertical="center"/>
    </xf>
    <xf numFmtId="0" fontId="42" fillId="0" borderId="24" xfId="43" applyFont="1" applyBorder="1" applyAlignment="1" applyProtection="1">
      <alignment horizontal="center" vertical="center"/>
      <protection locked="0"/>
    </xf>
    <xf numFmtId="3" fontId="42" fillId="0" borderId="24" xfId="46" applyNumberFormat="1" applyFont="1" applyBorder="1" applyProtection="1">
      <alignment vertical="center"/>
      <protection locked="0"/>
    </xf>
    <xf numFmtId="0" fontId="42" fillId="0" borderId="24" xfId="46" applyFont="1" applyBorder="1" applyAlignment="1" applyProtection="1">
      <alignment horizontal="center" vertical="center"/>
      <protection locked="0"/>
    </xf>
    <xf numFmtId="0" fontId="42" fillId="0" borderId="24" xfId="43" applyFont="1" applyBorder="1" applyAlignment="1" applyProtection="1">
      <alignment horizontal="left" vertical="center"/>
      <protection locked="0"/>
    </xf>
    <xf numFmtId="0" fontId="42" fillId="0" borderId="21" xfId="46" applyFont="1" applyBorder="1" applyAlignment="1" applyProtection="1">
      <alignment horizontal="left" vertical="center"/>
      <protection locked="0"/>
    </xf>
    <xf numFmtId="0" fontId="42" fillId="0" borderId="21" xfId="46" applyFont="1" applyBorder="1" applyAlignment="1" applyProtection="1">
      <alignment horizontal="right" vertical="center"/>
      <protection locked="0"/>
    </xf>
    <xf numFmtId="3" fontId="42" fillId="0" borderId="21" xfId="46" applyNumberFormat="1" applyFont="1" applyBorder="1" applyProtection="1">
      <alignment vertical="center"/>
      <protection locked="0"/>
    </xf>
    <xf numFmtId="176" fontId="42" fillId="0" borderId="21" xfId="43" applyNumberFormat="1" applyFont="1" applyBorder="1" applyProtection="1">
      <alignment vertical="center"/>
      <protection locked="0"/>
    </xf>
    <xf numFmtId="0" fontId="42" fillId="0" borderId="21" xfId="43" applyFont="1" applyBorder="1" applyProtection="1">
      <alignment vertical="center"/>
      <protection locked="0"/>
    </xf>
    <xf numFmtId="177" fontId="42" fillId="0" borderId="21" xfId="43" applyNumberFormat="1" applyFont="1" applyBorder="1" applyProtection="1">
      <alignment vertical="center"/>
      <protection locked="0"/>
    </xf>
    <xf numFmtId="178" fontId="42" fillId="0" borderId="20" xfId="43" applyNumberFormat="1" applyFont="1" applyBorder="1" applyProtection="1">
      <alignment vertical="center"/>
      <protection locked="0"/>
    </xf>
    <xf numFmtId="179" fontId="42" fillId="0" borderId="20" xfId="43" applyNumberFormat="1" applyFont="1" applyBorder="1" applyProtection="1">
      <alignment vertical="center"/>
      <protection locked="0"/>
    </xf>
    <xf numFmtId="0" fontId="42" fillId="0" borderId="19" xfId="43" applyFont="1" applyBorder="1" applyProtection="1">
      <alignment vertical="center"/>
      <protection locked="0"/>
    </xf>
    <xf numFmtId="0" fontId="42" fillId="0" borderId="18" xfId="43" applyFont="1" applyBorder="1" applyProtection="1">
      <alignment vertical="center"/>
      <protection locked="0"/>
    </xf>
    <xf numFmtId="0" fontId="42" fillId="0" borderId="21" xfId="43" applyFont="1" applyBorder="1">
      <alignment vertical="center"/>
    </xf>
    <xf numFmtId="0" fontId="43" fillId="0" borderId="21" xfId="43" applyFont="1" applyBorder="1" applyProtection="1">
      <alignment vertical="center"/>
      <protection locked="0"/>
    </xf>
    <xf numFmtId="0" fontId="42" fillId="0" borderId="21" xfId="43" applyFont="1" applyBorder="1" applyAlignment="1" applyProtection="1">
      <alignment horizontal="center" vertical="center"/>
      <protection locked="0"/>
    </xf>
    <xf numFmtId="179" fontId="42" fillId="0" borderId="21" xfId="43" applyNumberFormat="1" applyFont="1" applyBorder="1" applyProtection="1">
      <alignment vertical="center"/>
      <protection locked="0"/>
    </xf>
    <xf numFmtId="177" fontId="42" fillId="0" borderId="17" xfId="43" applyNumberFormat="1" applyFont="1" applyBorder="1">
      <alignment vertical="center"/>
    </xf>
    <xf numFmtId="14" fontId="42" fillId="0" borderId="24" xfId="43" applyNumberFormat="1" applyFont="1" applyBorder="1">
      <alignment vertical="center"/>
    </xf>
    <xf numFmtId="0" fontId="42" fillId="0" borderId="0" xfId="43" applyFont="1">
      <alignment vertical="center"/>
    </xf>
    <xf numFmtId="0" fontId="44" fillId="34" borderId="21" xfId="43" applyFont="1" applyFill="1" applyBorder="1" applyAlignment="1">
      <alignment horizontal="center" vertical="center"/>
    </xf>
    <xf numFmtId="0" fontId="32" fillId="35" borderId="20" xfId="43" applyFont="1" applyFill="1" applyBorder="1" applyProtection="1">
      <alignment vertical="center"/>
      <protection locked="0"/>
    </xf>
    <xf numFmtId="0" fontId="32" fillId="35" borderId="17" xfId="43" applyFont="1" applyFill="1" applyBorder="1" applyProtection="1">
      <alignment vertical="center"/>
      <protection locked="0"/>
    </xf>
    <xf numFmtId="0" fontId="32" fillId="35" borderId="21" xfId="43" applyFont="1" applyFill="1" applyBorder="1" applyProtection="1">
      <alignment vertical="center"/>
      <protection locked="0"/>
    </xf>
    <xf numFmtId="176" fontId="32" fillId="35" borderId="21" xfId="43" applyNumberFormat="1" applyFont="1" applyFill="1" applyBorder="1" applyProtection="1">
      <alignment vertical="center"/>
      <protection locked="0"/>
    </xf>
    <xf numFmtId="0" fontId="32" fillId="0" borderId="0" xfId="43" applyFont="1" applyAlignment="1" applyProtection="1">
      <alignment horizontal="center" vertical="center"/>
      <protection hidden="1"/>
    </xf>
    <xf numFmtId="0" fontId="32" fillId="0" borderId="0" xfId="43" applyFont="1" applyProtection="1">
      <alignment vertical="center"/>
      <protection hidden="1"/>
    </xf>
    <xf numFmtId="0" fontId="32" fillId="0" borderId="14" xfId="43" applyFont="1" applyBorder="1">
      <alignment vertical="center"/>
    </xf>
    <xf numFmtId="178" fontId="32" fillId="0" borderId="0" xfId="43" applyNumberFormat="1" applyFont="1">
      <alignment vertical="center"/>
    </xf>
    <xf numFmtId="177" fontId="32" fillId="0" borderId="0" xfId="43" applyNumberFormat="1" applyFont="1">
      <alignment vertical="center"/>
    </xf>
    <xf numFmtId="38" fontId="32" fillId="0" borderId="0" xfId="45" applyFont="1" applyFill="1">
      <alignment vertical="center"/>
    </xf>
    <xf numFmtId="3" fontId="32" fillId="0" borderId="0" xfId="43" applyNumberFormat="1" applyFont="1">
      <alignment vertical="center"/>
    </xf>
    <xf numFmtId="0" fontId="32" fillId="0" borderId="0" xfId="43" applyFont="1" applyAlignment="1">
      <alignment horizontal="left" vertical="center"/>
    </xf>
    <xf numFmtId="0" fontId="32" fillId="0" borderId="0" xfId="43" applyFont="1" applyAlignment="1">
      <alignment horizontal="right" vertical="center"/>
    </xf>
    <xf numFmtId="0" fontId="45" fillId="0" borderId="0" xfId="43" applyFont="1" applyProtection="1">
      <alignment vertical="center"/>
      <protection locked="0"/>
    </xf>
    <xf numFmtId="176" fontId="32" fillId="0" borderId="0" xfId="43" applyNumberFormat="1" applyFont="1">
      <alignment vertical="center"/>
    </xf>
    <xf numFmtId="179" fontId="32" fillId="0" borderId="0" xfId="43" applyNumberFormat="1" applyFont="1">
      <alignment vertical="center"/>
    </xf>
    <xf numFmtId="0" fontId="41" fillId="0" borderId="0" xfId="43" applyFont="1" applyProtection="1">
      <alignment vertical="center"/>
      <protection locked="0"/>
    </xf>
    <xf numFmtId="0" fontId="32" fillId="0" borderId="0" xfId="43" applyFont="1" applyProtection="1">
      <alignment vertical="center"/>
      <protection locked="0"/>
    </xf>
    <xf numFmtId="38" fontId="32" fillId="0" borderId="0" xfId="45" applyFont="1">
      <alignment vertical="center"/>
    </xf>
    <xf numFmtId="0" fontId="35" fillId="36" borderId="0" xfId="0" applyFont="1" applyFill="1">
      <alignment vertical="center"/>
    </xf>
    <xf numFmtId="0" fontId="32" fillId="36" borderId="20" xfId="43" applyFont="1" applyFill="1" applyBorder="1" applyProtection="1">
      <alignment vertical="center"/>
      <protection locked="0"/>
    </xf>
    <xf numFmtId="0" fontId="32" fillId="36" borderId="35" xfId="43" applyNumberFormat="1" applyFont="1" applyFill="1" applyBorder="1" applyProtection="1">
      <alignment vertical="center"/>
      <protection locked="0"/>
    </xf>
    <xf numFmtId="0" fontId="32" fillId="36" borderId="19" xfId="43" applyFont="1" applyFill="1" applyBorder="1" applyProtection="1">
      <alignment vertical="center"/>
      <protection locked="0"/>
    </xf>
    <xf numFmtId="0" fontId="32" fillId="36" borderId="26" xfId="43" applyFont="1" applyFill="1" applyBorder="1" applyProtection="1">
      <alignment vertical="center"/>
      <protection locked="0"/>
    </xf>
    <xf numFmtId="0" fontId="32" fillId="36" borderId="17" xfId="43" applyFont="1" applyFill="1" applyBorder="1" applyProtection="1">
      <alignment vertical="center"/>
      <protection locked="0"/>
    </xf>
    <xf numFmtId="0" fontId="32" fillId="36" borderId="33" xfId="43" applyFont="1" applyFill="1" applyBorder="1" applyProtection="1">
      <alignment vertical="center"/>
      <protection locked="0"/>
    </xf>
    <xf numFmtId="0" fontId="32" fillId="36" borderId="16" xfId="43" applyFont="1" applyFill="1" applyBorder="1" applyProtection="1">
      <alignment vertical="center"/>
      <protection locked="0"/>
    </xf>
    <xf numFmtId="0" fontId="32" fillId="36" borderId="32" xfId="43" applyFont="1" applyFill="1" applyBorder="1" applyProtection="1">
      <alignment vertical="center"/>
      <protection locked="0"/>
    </xf>
    <xf numFmtId="0" fontId="32" fillId="36" borderId="36" xfId="43" applyFont="1" applyFill="1" applyBorder="1" applyProtection="1">
      <alignment vertical="center"/>
      <protection locked="0"/>
    </xf>
    <xf numFmtId="178" fontId="32" fillId="36" borderId="21" xfId="43" applyNumberFormat="1" applyFont="1" applyFill="1" applyBorder="1" applyProtection="1">
      <alignment vertical="center"/>
      <protection locked="0"/>
    </xf>
    <xf numFmtId="0" fontId="47" fillId="0" borderId="0" xfId="0" applyFont="1">
      <alignment vertical="center"/>
    </xf>
    <xf numFmtId="0" fontId="32" fillId="36" borderId="34" xfId="43" applyFont="1" applyFill="1" applyBorder="1" applyProtection="1">
      <alignment vertical="center"/>
      <protection locked="0"/>
    </xf>
    <xf numFmtId="3" fontId="32" fillId="36" borderId="21" xfId="46" applyNumberFormat="1" applyFont="1" applyFill="1" applyBorder="1" applyProtection="1">
      <alignment vertical="center"/>
      <protection locked="0"/>
    </xf>
    <xf numFmtId="0" fontId="32" fillId="36" borderId="21" xfId="43" applyFont="1" applyFill="1" applyBorder="1" applyAlignment="1" applyProtection="1">
      <alignment horizontal="left" vertical="center"/>
      <protection locked="0"/>
    </xf>
    <xf numFmtId="0" fontId="32" fillId="36" borderId="21" xfId="46" applyFont="1" applyFill="1" applyBorder="1" applyAlignment="1" applyProtection="1">
      <alignment horizontal="left" vertical="center"/>
      <protection locked="0"/>
    </xf>
    <xf numFmtId="0" fontId="32" fillId="36" borderId="21" xfId="46" applyFont="1" applyFill="1" applyBorder="1" applyAlignment="1" applyProtection="1">
      <alignment horizontal="right" vertical="center"/>
      <protection locked="0"/>
    </xf>
    <xf numFmtId="0" fontId="32" fillId="36" borderId="21" xfId="43" applyFont="1" applyFill="1" applyBorder="1" applyAlignment="1" applyProtection="1">
      <alignment horizontal="center" vertical="center"/>
      <protection locked="0"/>
    </xf>
    <xf numFmtId="179" fontId="32" fillId="36" borderId="21" xfId="43" applyNumberFormat="1" applyFont="1" applyFill="1" applyBorder="1" applyProtection="1">
      <alignment vertical="center"/>
      <protection locked="0"/>
    </xf>
    <xf numFmtId="179" fontId="32" fillId="35" borderId="37" xfId="43" applyNumberFormat="1" applyFont="1" applyFill="1" applyBorder="1" applyAlignment="1" applyProtection="1">
      <alignment horizontal="center" vertical="center" shrinkToFit="1"/>
      <protection hidden="1"/>
    </xf>
    <xf numFmtId="0" fontId="32" fillId="35" borderId="38" xfId="43" applyFont="1" applyFill="1" applyBorder="1" applyProtection="1">
      <alignment vertical="center"/>
      <protection hidden="1"/>
    </xf>
    <xf numFmtId="0" fontId="32" fillId="35" borderId="37" xfId="43" applyFont="1" applyFill="1" applyBorder="1" applyProtection="1">
      <alignment vertical="center"/>
      <protection locked="0"/>
    </xf>
    <xf numFmtId="0" fontId="32" fillId="35" borderId="39" xfId="43" applyFont="1" applyFill="1" applyBorder="1" applyProtection="1">
      <alignment vertical="center"/>
      <protection locked="0"/>
    </xf>
    <xf numFmtId="0" fontId="32" fillId="35" borderId="40" xfId="43" applyFont="1" applyFill="1" applyBorder="1" applyProtection="1">
      <alignment vertical="center"/>
      <protection locked="0"/>
    </xf>
    <xf numFmtId="177" fontId="32" fillId="35" borderId="37" xfId="43" applyNumberFormat="1" applyFont="1" applyFill="1" applyBorder="1" applyProtection="1">
      <alignment vertical="center"/>
      <protection locked="0"/>
    </xf>
    <xf numFmtId="178" fontId="32" fillId="35" borderId="38" xfId="43" applyNumberFormat="1" applyFont="1" applyFill="1" applyBorder="1" applyProtection="1">
      <alignment vertical="center"/>
      <protection locked="0"/>
    </xf>
    <xf numFmtId="179" fontId="32" fillId="35" borderId="38" xfId="43" applyNumberFormat="1" applyFont="1" applyFill="1" applyBorder="1" applyProtection="1">
      <alignment vertical="center"/>
      <protection locked="0"/>
    </xf>
    <xf numFmtId="0" fontId="32" fillId="35" borderId="38" xfId="43" applyFont="1" applyFill="1" applyBorder="1" applyProtection="1">
      <alignment vertical="center"/>
      <protection locked="0"/>
    </xf>
    <xf numFmtId="0" fontId="32" fillId="35" borderId="41" xfId="43" applyFont="1" applyFill="1" applyBorder="1" applyProtection="1">
      <alignment vertical="center"/>
      <protection locked="0"/>
    </xf>
    <xf numFmtId="0" fontId="32" fillId="35" borderId="42" xfId="43" applyFont="1" applyFill="1" applyBorder="1" applyProtection="1">
      <alignment vertical="center"/>
      <protection locked="0"/>
    </xf>
    <xf numFmtId="0" fontId="32" fillId="35" borderId="43" xfId="43" applyFont="1" applyFill="1" applyBorder="1" applyProtection="1">
      <alignment vertical="center"/>
      <protection locked="0"/>
    </xf>
    <xf numFmtId="0" fontId="41" fillId="35" borderId="37" xfId="43" applyFont="1" applyFill="1" applyBorder="1" applyProtection="1">
      <alignment vertical="center"/>
      <protection locked="0"/>
    </xf>
    <xf numFmtId="177" fontId="32" fillId="35" borderId="38" xfId="43" applyNumberFormat="1" applyFont="1" applyFill="1" applyBorder="1">
      <alignment vertical="center"/>
    </xf>
    <xf numFmtId="177" fontId="32" fillId="35" borderId="37" xfId="43" applyNumberFormat="1" applyFont="1" applyFill="1" applyBorder="1">
      <alignment vertical="center"/>
    </xf>
    <xf numFmtId="14" fontId="32" fillId="35" borderId="37" xfId="43" applyNumberFormat="1" applyFont="1" applyFill="1" applyBorder="1">
      <alignment vertical="center"/>
    </xf>
    <xf numFmtId="0" fontId="32" fillId="0" borderId="0" xfId="43" applyFont="1" applyBorder="1">
      <alignment vertical="center"/>
    </xf>
    <xf numFmtId="0" fontId="32" fillId="36" borderId="21" xfId="0" applyFont="1" applyFill="1" applyBorder="1" applyProtection="1">
      <alignment vertical="center"/>
      <protection locked="0"/>
    </xf>
    <xf numFmtId="0" fontId="32" fillId="0" borderId="0" xfId="43" applyFont="1" applyBorder="1" applyAlignment="1">
      <alignment horizontal="left" vertical="center"/>
    </xf>
    <xf numFmtId="0" fontId="32" fillId="0" borderId="0" xfId="43" applyFont="1" applyBorder="1" applyAlignment="1">
      <alignment vertical="center" textRotation="255" wrapText="1"/>
    </xf>
    <xf numFmtId="0" fontId="36" fillId="36" borderId="0" xfId="0" applyFont="1" applyFill="1" applyProtection="1">
      <alignment vertical="center"/>
      <protection locked="0"/>
    </xf>
    <xf numFmtId="0" fontId="37" fillId="36" borderId="0" xfId="0" applyFont="1" applyFill="1" applyProtection="1">
      <alignment vertical="center"/>
      <protection locked="0"/>
    </xf>
    <xf numFmtId="0" fontId="27" fillId="0" borderId="0" xfId="0" applyFont="1" applyProtection="1">
      <alignment vertical="center"/>
      <protection locked="0"/>
    </xf>
    <xf numFmtId="0" fontId="32" fillId="33" borderId="24" xfId="43" applyFont="1" applyFill="1" applyBorder="1" applyProtection="1">
      <alignment vertical="center"/>
    </xf>
    <xf numFmtId="177" fontId="32" fillId="33" borderId="21" xfId="43" applyNumberFormat="1" applyFont="1" applyFill="1" applyBorder="1" applyProtection="1">
      <alignment vertical="center"/>
    </xf>
    <xf numFmtId="177" fontId="32" fillId="33" borderId="33" xfId="43" applyNumberFormat="1" applyFont="1" applyFill="1" applyBorder="1" applyProtection="1">
      <alignment vertical="center"/>
    </xf>
    <xf numFmtId="177" fontId="32" fillId="33" borderId="16" xfId="43" applyNumberFormat="1" applyFont="1" applyFill="1" applyBorder="1" applyProtection="1">
      <alignment vertical="center"/>
    </xf>
    <xf numFmtId="0" fontId="32" fillId="33" borderId="17" xfId="43" applyFont="1" applyFill="1" applyBorder="1" applyAlignment="1" applyProtection="1">
      <alignment horizontal="center" vertical="center"/>
    </xf>
    <xf numFmtId="0" fontId="32" fillId="35" borderId="24" xfId="43" applyFont="1" applyFill="1" applyBorder="1" applyAlignment="1" applyProtection="1">
      <alignment horizontal="center" vertical="center"/>
    </xf>
    <xf numFmtId="0" fontId="32" fillId="35" borderId="21" xfId="46" applyFont="1" applyFill="1" applyBorder="1" applyAlignment="1" applyProtection="1">
      <alignment horizontal="center" vertical="center"/>
    </xf>
    <xf numFmtId="3" fontId="32" fillId="35" borderId="21" xfId="46" applyNumberFormat="1" applyFont="1" applyFill="1" applyBorder="1" applyProtection="1">
      <alignment vertical="center"/>
    </xf>
    <xf numFmtId="0" fontId="32" fillId="35" borderId="20" xfId="43" applyFont="1" applyFill="1" applyBorder="1" applyProtection="1">
      <alignment vertical="center"/>
    </xf>
    <xf numFmtId="0" fontId="48" fillId="37" borderId="0" xfId="0" applyFont="1" applyFill="1">
      <alignment vertical="center"/>
    </xf>
    <xf numFmtId="0" fontId="48" fillId="37" borderId="16" xfId="0" applyFont="1" applyFill="1" applyBorder="1">
      <alignment vertical="center"/>
    </xf>
    <xf numFmtId="0" fontId="25" fillId="37" borderId="0" xfId="0" applyFont="1" applyFill="1">
      <alignment vertical="center"/>
    </xf>
    <xf numFmtId="0" fontId="25" fillId="37" borderId="16" xfId="0" applyFont="1" applyFill="1" applyBorder="1">
      <alignment vertical="center"/>
    </xf>
    <xf numFmtId="177" fontId="32" fillId="36" borderId="24" xfId="43" applyNumberFormat="1" applyFont="1" applyFill="1" applyBorder="1" applyProtection="1">
      <alignment vertical="center"/>
      <protection locked="0"/>
    </xf>
    <xf numFmtId="38" fontId="32" fillId="36" borderId="21" xfId="45" applyFont="1" applyFill="1" applyBorder="1" applyProtection="1">
      <alignment vertical="center"/>
      <protection locked="0"/>
    </xf>
    <xf numFmtId="0" fontId="41" fillId="36" borderId="21" xfId="43" applyFont="1" applyFill="1" applyBorder="1" applyProtection="1">
      <alignment vertical="center"/>
      <protection locked="0"/>
    </xf>
    <xf numFmtId="177" fontId="32" fillId="36" borderId="21" xfId="43" applyNumberFormat="1" applyFont="1" applyFill="1" applyBorder="1" applyProtection="1">
      <alignment vertical="center"/>
      <protection locked="0"/>
    </xf>
    <xf numFmtId="0" fontId="40" fillId="34" borderId="22" xfId="44" applyFont="1" applyFill="1" applyBorder="1" applyAlignment="1">
      <alignment vertical="center" wrapText="1"/>
    </xf>
    <xf numFmtId="0" fontId="30" fillId="0" borderId="24" xfId="43" applyBorder="1">
      <alignment vertical="center"/>
    </xf>
    <xf numFmtId="0" fontId="32" fillId="34" borderId="24" xfId="43" applyFont="1" applyFill="1" applyBorder="1" applyAlignment="1">
      <alignment horizontal="center" vertical="center"/>
    </xf>
    <xf numFmtId="179" fontId="32" fillId="34" borderId="22" xfId="43" applyNumberFormat="1" applyFont="1" applyFill="1" applyBorder="1" applyAlignment="1">
      <alignment vertical="center" wrapText="1"/>
    </xf>
    <xf numFmtId="0" fontId="30" fillId="0" borderId="24" xfId="43" applyBorder="1" applyAlignment="1">
      <alignment vertical="center" wrapText="1"/>
    </xf>
    <xf numFmtId="0" fontId="33" fillId="34" borderId="22" xfId="43" applyFont="1" applyFill="1" applyBorder="1" applyAlignment="1">
      <alignment vertical="center" wrapText="1"/>
    </xf>
    <xf numFmtId="0" fontId="32" fillId="34" borderId="22" xfId="43" applyFont="1" applyFill="1" applyBorder="1" applyAlignment="1">
      <alignment vertical="center" wrapText="1"/>
    </xf>
    <xf numFmtId="0" fontId="31" fillId="0" borderId="23" xfId="43" applyFont="1" applyBorder="1" applyAlignment="1">
      <alignment vertical="center" wrapText="1"/>
    </xf>
    <xf numFmtId="0" fontId="31" fillId="0" borderId="24" xfId="43" applyFont="1" applyBorder="1" applyAlignment="1">
      <alignment vertical="center" wrapText="1"/>
    </xf>
    <xf numFmtId="0" fontId="32" fillId="34" borderId="11" xfId="43" applyFont="1" applyFill="1" applyBorder="1" applyAlignment="1" applyProtection="1">
      <alignment horizontal="center" vertical="center" wrapText="1"/>
      <protection locked="0"/>
    </xf>
    <xf numFmtId="0" fontId="31" fillId="0" borderId="12" xfId="43" applyFont="1" applyBorder="1" applyAlignment="1">
      <alignment horizontal="center" vertical="center" wrapText="1"/>
    </xf>
    <xf numFmtId="0" fontId="31" fillId="0" borderId="13" xfId="43" applyFont="1" applyBorder="1" applyAlignment="1">
      <alignment horizontal="center" vertical="center" wrapText="1"/>
    </xf>
    <xf numFmtId="0" fontId="31" fillId="0" borderId="15" xfId="43" applyFont="1" applyBorder="1" applyAlignment="1">
      <alignment horizontal="center" vertical="center" wrapText="1"/>
    </xf>
    <xf numFmtId="0" fontId="31" fillId="0" borderId="16" xfId="43" applyFont="1" applyBorder="1" applyAlignment="1">
      <alignment horizontal="center" vertical="center" wrapText="1"/>
    </xf>
    <xf numFmtId="0" fontId="31" fillId="0" borderId="17" xfId="43" applyFont="1" applyBorder="1" applyAlignment="1">
      <alignment horizontal="center" vertical="center" wrapText="1"/>
    </xf>
    <xf numFmtId="0" fontId="32" fillId="34" borderId="22" xfId="43" applyFont="1" applyFill="1" applyBorder="1" applyAlignment="1">
      <alignment horizontal="center" vertical="center" wrapText="1"/>
    </xf>
    <xf numFmtId="0" fontId="30" fillId="0" borderId="23" xfId="43" applyBorder="1" applyAlignment="1">
      <alignment horizontal="center" vertical="center" wrapText="1"/>
    </xf>
    <xf numFmtId="0" fontId="30" fillId="0" borderId="24" xfId="43" applyBorder="1" applyAlignment="1">
      <alignment horizontal="center" vertical="center" wrapText="1"/>
    </xf>
    <xf numFmtId="0" fontId="32" fillId="34" borderId="21" xfId="43" applyFont="1" applyFill="1" applyBorder="1" applyAlignment="1">
      <alignment horizontal="center" vertical="center"/>
    </xf>
    <xf numFmtId="0" fontId="32" fillId="34" borderId="18" xfId="43" applyFont="1" applyFill="1" applyBorder="1" applyAlignment="1">
      <alignment horizontal="center" vertical="center"/>
    </xf>
    <xf numFmtId="3" fontId="32" fillId="34" borderId="21" xfId="43" applyNumberFormat="1" applyFont="1" applyFill="1" applyBorder="1" applyAlignment="1">
      <alignment horizontal="center" vertical="center"/>
    </xf>
    <xf numFmtId="176" fontId="32" fillId="34" borderId="22" xfId="43" applyNumberFormat="1" applyFont="1" applyFill="1" applyBorder="1" applyAlignment="1">
      <alignment horizontal="center" vertical="center" wrapText="1"/>
    </xf>
    <xf numFmtId="3" fontId="32" fillId="34" borderId="22" xfId="43" applyNumberFormat="1" applyFont="1" applyFill="1" applyBorder="1" applyAlignment="1">
      <alignment horizontal="center" vertical="center" wrapText="1"/>
    </xf>
    <xf numFmtId="0" fontId="39" fillId="34" borderId="22" xfId="43" applyFont="1" applyFill="1" applyBorder="1" applyAlignment="1">
      <alignment vertical="center" wrapText="1"/>
    </xf>
    <xf numFmtId="0" fontId="30" fillId="0" borderId="23" xfId="43" applyBorder="1" applyAlignment="1">
      <alignment vertical="center" wrapText="1"/>
    </xf>
    <xf numFmtId="0" fontId="40" fillId="34" borderId="22" xfId="43" applyFont="1" applyFill="1" applyBorder="1" applyAlignment="1">
      <alignment vertical="center" wrapText="1"/>
    </xf>
    <xf numFmtId="0" fontId="40" fillId="34" borderId="11" xfId="44" applyFont="1" applyFill="1" applyBorder="1" applyAlignment="1">
      <alignment horizontal="center" vertical="center"/>
    </xf>
    <xf numFmtId="0" fontId="40" fillId="34" borderId="12" xfId="44" applyFont="1" applyFill="1" applyBorder="1" applyAlignment="1">
      <alignment horizontal="center" vertical="center"/>
    </xf>
    <xf numFmtId="0" fontId="32" fillId="34" borderId="18" xfId="44" applyFont="1" applyFill="1" applyBorder="1" applyAlignment="1">
      <alignment horizontal="center" vertical="center" wrapText="1"/>
    </xf>
    <xf numFmtId="0" fontId="32" fillId="34" borderId="19" xfId="44" applyFont="1" applyFill="1" applyBorder="1" applyAlignment="1">
      <alignment horizontal="center" vertical="center" wrapText="1"/>
    </xf>
    <xf numFmtId="0" fontId="32" fillId="34" borderId="20" xfId="44" applyFont="1" applyFill="1" applyBorder="1" applyAlignment="1">
      <alignment horizontal="center" vertical="center" wrapText="1"/>
    </xf>
    <xf numFmtId="0" fontId="32" fillId="34" borderId="11" xfId="43" applyFont="1" applyFill="1" applyBorder="1" applyAlignment="1">
      <alignment horizontal="center" vertical="center" wrapText="1"/>
    </xf>
    <xf numFmtId="0" fontId="30" fillId="0" borderId="12" xfId="43" applyBorder="1" applyAlignment="1">
      <alignment horizontal="center" vertical="center" wrapText="1"/>
    </xf>
    <xf numFmtId="0" fontId="30" fillId="0" borderId="13" xfId="43" applyBorder="1" applyAlignment="1">
      <alignment horizontal="center" vertical="center" wrapText="1"/>
    </xf>
    <xf numFmtId="0" fontId="30" fillId="0" borderId="15" xfId="43" applyBorder="1" applyAlignment="1">
      <alignment horizontal="center" vertical="center" wrapText="1"/>
    </xf>
    <xf numFmtId="0" fontId="30" fillId="0" borderId="16" xfId="43" applyBorder="1" applyAlignment="1">
      <alignment horizontal="center" vertical="center" wrapText="1"/>
    </xf>
    <xf numFmtId="0" fontId="30" fillId="0" borderId="17" xfId="43" applyBorder="1" applyAlignment="1">
      <alignment horizontal="center" vertical="center" wrapText="1"/>
    </xf>
    <xf numFmtId="0" fontId="32" fillId="34" borderId="22" xfId="43" applyFont="1" applyFill="1" applyBorder="1" applyAlignment="1">
      <alignment horizontal="center" vertical="center"/>
    </xf>
    <xf numFmtId="0" fontId="30" fillId="0" borderId="23" xfId="43" applyBorder="1">
      <alignment vertical="center"/>
    </xf>
    <xf numFmtId="0" fontId="32" fillId="34" borderId="12" xfId="43" applyFont="1" applyFill="1" applyBorder="1" applyAlignment="1">
      <alignment horizontal="center" vertical="center"/>
    </xf>
    <xf numFmtId="0" fontId="30" fillId="0" borderId="12" xfId="43" applyBorder="1">
      <alignment vertical="center"/>
    </xf>
    <xf numFmtId="0" fontId="30" fillId="0" borderId="13" xfId="43" applyBorder="1">
      <alignment vertical="center"/>
    </xf>
    <xf numFmtId="0" fontId="30" fillId="0" borderId="16" xfId="43" applyBorder="1">
      <alignment vertical="center"/>
    </xf>
    <xf numFmtId="0" fontId="30" fillId="0" borderId="17" xfId="43" applyBorder="1">
      <alignment vertical="center"/>
    </xf>
    <xf numFmtId="0" fontId="30" fillId="0" borderId="23" xfId="43" applyBorder="1" applyAlignment="1">
      <alignment horizontal="center" vertical="center"/>
    </xf>
    <xf numFmtId="0" fontId="30" fillId="0" borderId="24" xfId="43" applyBorder="1" applyAlignment="1">
      <alignment horizontal="center" vertical="center"/>
    </xf>
    <xf numFmtId="0" fontId="32" fillId="34" borderId="19" xfId="43" applyFont="1" applyFill="1" applyBorder="1" applyAlignment="1">
      <alignment horizontal="center" vertical="center"/>
    </xf>
    <xf numFmtId="0" fontId="32" fillId="34" borderId="20" xfId="43" applyFont="1" applyFill="1" applyBorder="1" applyAlignment="1">
      <alignment horizontal="center" vertical="center"/>
    </xf>
    <xf numFmtId="0" fontId="32" fillId="34" borderId="21" xfId="43" applyFont="1" applyFill="1" applyBorder="1" applyAlignment="1">
      <alignment horizontal="center" vertical="center" shrinkToFit="1"/>
    </xf>
    <xf numFmtId="177" fontId="32" fillId="34" borderId="22" xfId="43" applyNumberFormat="1" applyFont="1" applyFill="1" applyBorder="1" applyAlignment="1">
      <alignment vertical="center" wrapText="1"/>
    </xf>
    <xf numFmtId="178" fontId="32" fillId="34" borderId="22" xfId="43" applyNumberFormat="1" applyFont="1" applyFill="1" applyBorder="1" applyAlignment="1">
      <alignment vertical="center" wrapText="1"/>
    </xf>
    <xf numFmtId="0" fontId="30" fillId="0" borderId="21" xfId="43" applyBorder="1">
      <alignment vertical="center"/>
    </xf>
    <xf numFmtId="0" fontId="30" fillId="0" borderId="21" xfId="43" applyBorder="1" applyAlignment="1">
      <alignment horizontal="center" vertical="center"/>
    </xf>
    <xf numFmtId="0" fontId="32" fillId="34" borderId="21" xfId="43" applyFont="1" applyFill="1" applyBorder="1" applyAlignment="1">
      <alignment horizontal="center" vertical="center" wrapText="1"/>
    </xf>
    <xf numFmtId="0" fontId="32" fillId="34" borderId="11" xfId="43" applyFont="1" applyFill="1" applyBorder="1" applyAlignment="1">
      <alignment horizontal="center" vertical="center"/>
    </xf>
    <xf numFmtId="0" fontId="30" fillId="0" borderId="12" xfId="43" applyBorder="1" applyAlignment="1">
      <alignment horizontal="center" vertical="center"/>
    </xf>
    <xf numFmtId="0" fontId="30" fillId="0" borderId="13" xfId="43" applyBorder="1" applyAlignment="1">
      <alignment horizontal="center" vertical="center"/>
    </xf>
    <xf numFmtId="0" fontId="30" fillId="0" borderId="15" xfId="43" applyBorder="1" applyAlignment="1">
      <alignment horizontal="center" vertical="center"/>
    </xf>
    <xf numFmtId="0" fontId="30" fillId="0" borderId="16" xfId="43" applyBorder="1" applyAlignment="1">
      <alignment horizontal="center" vertical="center"/>
    </xf>
    <xf numFmtId="0" fontId="30" fillId="0" borderId="17" xfId="43" applyBorder="1" applyAlignment="1">
      <alignment horizontal="center" vertical="center"/>
    </xf>
    <xf numFmtId="0" fontId="30" fillId="0" borderId="22" xfId="43" applyBorder="1" applyAlignment="1">
      <alignment horizontal="center" vertical="center"/>
    </xf>
    <xf numFmtId="0" fontId="28" fillId="0" borderId="0" xfId="0" applyFont="1" applyAlignment="1">
      <alignment horizontal="left" vertical="center"/>
    </xf>
    <xf numFmtId="0" fontId="28" fillId="0" borderId="0" xfId="0" applyFont="1" applyAlignment="1">
      <alignment horizontal="justify" vertical="center"/>
    </xf>
    <xf numFmtId="0" fontId="28" fillId="0" borderId="0" xfId="0" applyFont="1">
      <alignment vertical="center"/>
    </xf>
    <xf numFmtId="0" fontId="28" fillId="0" borderId="18" xfId="0" applyFont="1" applyBorder="1" applyAlignment="1">
      <alignment horizontal="center" vertical="center"/>
    </xf>
    <xf numFmtId="0" fontId="28" fillId="0" borderId="19" xfId="0" applyFont="1" applyBorder="1" applyAlignment="1">
      <alignment horizontal="center" vertical="center"/>
    </xf>
    <xf numFmtId="0" fontId="28" fillId="0" borderId="11" xfId="0" applyFont="1" applyBorder="1" applyAlignment="1">
      <alignment horizontal="center" vertical="center"/>
    </xf>
    <xf numFmtId="0" fontId="28" fillId="0" borderId="12" xfId="0" applyFont="1" applyBorder="1" applyAlignment="1">
      <alignment horizontal="center" vertical="center"/>
    </xf>
    <xf numFmtId="0" fontId="28" fillId="0" borderId="13" xfId="0" applyFont="1" applyBorder="1" applyAlignment="1">
      <alignment horizontal="center" vertical="center"/>
    </xf>
    <xf numFmtId="0" fontId="28" fillId="0" borderId="10" xfId="0" applyFont="1" applyBorder="1" applyAlignment="1">
      <alignment horizontal="center" vertical="center"/>
    </xf>
    <xf numFmtId="0" fontId="28" fillId="0" borderId="0" xfId="0" applyFont="1" applyAlignment="1">
      <alignment horizontal="center" vertical="center"/>
    </xf>
    <xf numFmtId="0" fontId="28" fillId="0" borderId="14" xfId="0" applyFont="1" applyBorder="1" applyAlignment="1">
      <alignment horizontal="center" vertical="center"/>
    </xf>
    <xf numFmtId="0" fontId="28" fillId="0" borderId="15" xfId="0" applyFont="1" applyBorder="1" applyAlignment="1">
      <alignment horizontal="center" vertical="center"/>
    </xf>
    <xf numFmtId="0" fontId="28" fillId="0" borderId="16" xfId="0" applyFont="1" applyBorder="1" applyAlignment="1">
      <alignment horizontal="center" vertical="center"/>
    </xf>
    <xf numFmtId="0" fontId="28" fillId="0" borderId="17" xfId="0" applyFont="1" applyBorder="1" applyAlignment="1">
      <alignment horizontal="center" vertical="center"/>
    </xf>
    <xf numFmtId="0" fontId="28" fillId="0" borderId="11" xfId="0" applyFont="1" applyBorder="1" applyAlignment="1">
      <alignment horizontal="left" vertical="center" shrinkToFit="1"/>
    </xf>
    <xf numFmtId="0" fontId="28" fillId="0" borderId="12" xfId="0" applyFont="1" applyBorder="1" applyAlignment="1">
      <alignment horizontal="left" vertical="center" shrinkToFit="1"/>
    </xf>
    <xf numFmtId="0" fontId="28" fillId="0" borderId="15" xfId="0" applyFont="1" applyBorder="1" applyAlignment="1">
      <alignment horizontal="left" vertical="center" shrinkToFit="1"/>
    </xf>
    <xf numFmtId="0" fontId="28" fillId="0" borderId="16" xfId="0" applyFont="1" applyBorder="1" applyAlignment="1">
      <alignment horizontal="left" vertical="center" shrinkToFit="1"/>
    </xf>
    <xf numFmtId="0" fontId="28" fillId="0" borderId="11" xfId="0" applyFont="1" applyBorder="1" applyAlignment="1">
      <alignment horizontal="center" vertical="center" shrinkToFit="1"/>
    </xf>
    <xf numFmtId="0" fontId="28" fillId="0" borderId="12" xfId="0" applyFont="1" applyBorder="1" applyAlignment="1">
      <alignment horizontal="center" vertical="center" shrinkToFit="1"/>
    </xf>
    <xf numFmtId="0" fontId="28" fillId="0" borderId="15" xfId="0" applyFont="1" applyBorder="1" applyAlignment="1">
      <alignment horizontal="center" vertical="center" shrinkToFit="1"/>
    </xf>
    <xf numFmtId="0" fontId="28" fillId="0" borderId="16" xfId="0" applyFont="1" applyBorder="1" applyAlignment="1">
      <alignment horizontal="center" vertical="center" shrinkToFit="1"/>
    </xf>
    <xf numFmtId="0" fontId="35" fillId="0" borderId="0" xfId="0" applyFont="1" applyAlignment="1">
      <alignment horizontal="center" vertical="center"/>
    </xf>
    <xf numFmtId="0" fontId="34" fillId="0" borderId="0" xfId="0" applyFont="1" applyAlignment="1">
      <alignment horizontal="center" vertical="center"/>
    </xf>
    <xf numFmtId="0" fontId="35" fillId="36" borderId="0" xfId="0" applyFont="1" applyFill="1">
      <alignment vertical="center"/>
    </xf>
    <xf numFmtId="0" fontId="33" fillId="36" borderId="0" xfId="0" applyFont="1" applyFill="1" applyAlignment="1">
      <alignment horizontal="left" vertical="center" wrapText="1"/>
    </xf>
    <xf numFmtId="0" fontId="28" fillId="0" borderId="20" xfId="0" applyFont="1" applyBorder="1" applyAlignment="1">
      <alignment horizontal="center" vertical="center"/>
    </xf>
    <xf numFmtId="0" fontId="33" fillId="36" borderId="0" xfId="0" applyFont="1" applyFill="1" applyAlignment="1">
      <alignment horizontal="left" vertical="center"/>
    </xf>
    <xf numFmtId="0" fontId="47" fillId="0" borderId="0" xfId="0" applyFont="1" applyAlignment="1">
      <alignment horizontal="center" vertical="center"/>
    </xf>
    <xf numFmtId="0" fontId="22" fillId="0" borderId="0" xfId="0" applyFont="1" applyAlignment="1">
      <alignment horizontal="left" vertical="center" wrapText="1"/>
    </xf>
    <xf numFmtId="0" fontId="36" fillId="36" borderId="0" xfId="0" applyFont="1" applyFill="1" applyAlignment="1" applyProtection="1">
      <alignment horizontal="right" vertical="center"/>
      <protection locked="0"/>
    </xf>
    <xf numFmtId="0" fontId="37" fillId="36" borderId="0" xfId="0" applyFont="1" applyFill="1" applyAlignment="1" applyProtection="1">
      <alignment horizontal="right" vertical="center"/>
      <protection locked="0"/>
    </xf>
    <xf numFmtId="0" fontId="28" fillId="0" borderId="10" xfId="0" applyFont="1" applyBorder="1" applyAlignment="1">
      <alignment horizontal="left" vertical="center"/>
    </xf>
    <xf numFmtId="0" fontId="23" fillId="36" borderId="0" xfId="0" applyFont="1" applyFill="1" applyAlignment="1" applyProtection="1">
      <alignment horizontal="center" vertical="center"/>
      <protection locked="0"/>
    </xf>
    <xf numFmtId="0" fontId="28" fillId="0" borderId="0" xfId="0" applyFont="1" applyAlignment="1">
      <alignment horizontal="left" vertical="center" wrapText="1"/>
    </xf>
    <xf numFmtId="0" fontId="22" fillId="0" borderId="0" xfId="0" applyFont="1" applyAlignment="1">
      <alignment horizontal="left" vertical="center"/>
    </xf>
    <xf numFmtId="0" fontId="23" fillId="36" borderId="0" xfId="0" applyFont="1" applyFill="1" applyAlignment="1">
      <alignment horizontal="center" vertical="center"/>
    </xf>
    <xf numFmtId="0" fontId="23" fillId="36" borderId="12" xfId="0" applyFont="1" applyFill="1" applyBorder="1" applyAlignment="1">
      <alignment horizontal="center" vertical="center"/>
    </xf>
    <xf numFmtId="0" fontId="0" fillId="0" borderId="0" xfId="0" applyAlignment="1" applyProtection="1">
      <alignment horizontal="right" vertical="center"/>
      <protection locked="0"/>
    </xf>
    <xf numFmtId="0" fontId="27" fillId="36" borderId="12" xfId="0" applyFont="1" applyFill="1" applyBorder="1" applyAlignment="1">
      <alignment horizontal="left" vertical="center"/>
    </xf>
    <xf numFmtId="0" fontId="27" fillId="36" borderId="13" xfId="0" applyFont="1" applyFill="1" applyBorder="1" applyAlignment="1">
      <alignment horizontal="left" vertical="center"/>
    </xf>
    <xf numFmtId="0" fontId="22" fillId="0" borderId="0" xfId="0" applyFont="1" applyAlignment="1">
      <alignment horizontal="justify" vertical="center"/>
    </xf>
    <xf numFmtId="0" fontId="23" fillId="0" borderId="0" xfId="0" applyFont="1">
      <alignment vertical="center"/>
    </xf>
    <xf numFmtId="0" fontId="22" fillId="36" borderId="12" xfId="0" applyFont="1" applyFill="1" applyBorder="1" applyAlignment="1">
      <alignment horizontal="center" vertical="center"/>
    </xf>
    <xf numFmtId="0" fontId="28" fillId="0" borderId="18" xfId="0" applyFont="1" applyBorder="1" applyAlignment="1">
      <alignment horizontal="left" vertical="center"/>
    </xf>
    <xf numFmtId="0" fontId="28" fillId="0" borderId="19" xfId="0" applyFont="1" applyBorder="1" applyAlignment="1">
      <alignment horizontal="left" vertical="center"/>
    </xf>
    <xf numFmtId="0" fontId="28" fillId="36" borderId="19" xfId="0" applyFont="1" applyFill="1" applyBorder="1" applyAlignment="1">
      <alignment horizontal="right" vertical="center"/>
    </xf>
    <xf numFmtId="0" fontId="22" fillId="0" borderId="0" xfId="0" applyFont="1" applyAlignment="1">
      <alignment horizontal="center" vertical="center" wrapText="1"/>
    </xf>
    <xf numFmtId="0" fontId="28" fillId="0" borderId="11" xfId="0" applyFont="1" applyBorder="1" applyAlignment="1">
      <alignment horizontal="left" vertical="center"/>
    </xf>
    <xf numFmtId="0" fontId="28" fillId="0" borderId="12" xfId="0" applyFont="1" applyBorder="1" applyAlignment="1">
      <alignment horizontal="left" vertical="center"/>
    </xf>
    <xf numFmtId="0" fontId="28" fillId="0" borderId="15" xfId="0" applyFont="1" applyBorder="1" applyAlignment="1">
      <alignment horizontal="left" vertical="center"/>
    </xf>
    <xf numFmtId="0" fontId="28" fillId="0" borderId="16" xfId="0" applyFont="1" applyBorder="1" applyAlignment="1">
      <alignment horizontal="left" vertical="center"/>
    </xf>
    <xf numFmtId="0" fontId="28" fillId="33" borderId="16" xfId="0" applyFont="1" applyFill="1" applyBorder="1" applyAlignment="1">
      <alignment horizontal="left" vertical="center"/>
    </xf>
    <xf numFmtId="0" fontId="28" fillId="33" borderId="17" xfId="0" applyFont="1" applyFill="1" applyBorder="1" applyAlignment="1">
      <alignment horizontal="left" vertical="center"/>
    </xf>
    <xf numFmtId="0" fontId="32" fillId="36" borderId="12" xfId="0" applyFont="1" applyFill="1" applyBorder="1" applyAlignment="1">
      <alignment horizontal="left" vertical="center"/>
    </xf>
    <xf numFmtId="0" fontId="21" fillId="36" borderId="12" xfId="0" applyFont="1" applyFill="1" applyBorder="1" applyAlignment="1">
      <alignment horizontal="left" vertical="center"/>
    </xf>
    <xf numFmtId="0" fontId="27" fillId="36" borderId="15" xfId="0" applyFont="1" applyFill="1" applyBorder="1" applyAlignment="1" applyProtection="1">
      <alignment horizontal="left" vertical="center"/>
      <protection locked="0"/>
    </xf>
    <xf numFmtId="0" fontId="27" fillId="36" borderId="16" xfId="0" applyFont="1" applyFill="1" applyBorder="1" applyAlignment="1" applyProtection="1">
      <alignment horizontal="left" vertical="center"/>
      <protection locked="0"/>
    </xf>
    <xf numFmtId="0" fontId="27" fillId="36" borderId="17" xfId="0" applyFont="1" applyFill="1" applyBorder="1" applyAlignment="1" applyProtection="1">
      <alignment horizontal="left" vertical="center"/>
      <protection locked="0"/>
    </xf>
    <xf numFmtId="0" fontId="18" fillId="0" borderId="0" xfId="0" applyFont="1" applyAlignment="1">
      <alignment horizontal="justify" vertical="center" wrapText="1"/>
    </xf>
    <xf numFmtId="0" fontId="25" fillId="0" borderId="0" xfId="0" applyFont="1">
      <alignment vertical="center"/>
    </xf>
    <xf numFmtId="0" fontId="18" fillId="0" borderId="0" xfId="0" applyFont="1" applyAlignment="1">
      <alignment horizontal="center" vertical="center"/>
    </xf>
    <xf numFmtId="0" fontId="27" fillId="36" borderId="19" xfId="0" applyFont="1" applyFill="1" applyBorder="1" applyAlignment="1" applyProtection="1">
      <alignment horizontal="right" vertical="center"/>
    </xf>
    <xf numFmtId="0" fontId="27" fillId="36" borderId="11" xfId="0" applyFont="1" applyFill="1" applyBorder="1" applyAlignment="1" applyProtection="1">
      <alignment horizontal="left" vertical="center"/>
      <protection locked="0"/>
    </xf>
    <xf numFmtId="0" fontId="27" fillId="36" borderId="12" xfId="0" applyFont="1" applyFill="1" applyBorder="1" applyAlignment="1" applyProtection="1">
      <alignment horizontal="left" vertical="center"/>
      <protection locked="0"/>
    </xf>
    <xf numFmtId="0" fontId="27" fillId="36" borderId="13" xfId="0" applyFont="1" applyFill="1" applyBorder="1" applyAlignment="1" applyProtection="1">
      <alignment horizontal="left" vertical="center"/>
      <protection locked="0"/>
    </xf>
    <xf numFmtId="0" fontId="27" fillId="36" borderId="10" xfId="0" applyFont="1" applyFill="1" applyBorder="1" applyAlignment="1" applyProtection="1">
      <alignment horizontal="left" vertical="center"/>
      <protection locked="0"/>
    </xf>
    <xf numFmtId="0" fontId="27" fillId="36" borderId="0" xfId="0" applyFont="1" applyFill="1" applyAlignment="1" applyProtection="1">
      <alignment horizontal="left" vertical="center"/>
      <protection locked="0"/>
    </xf>
    <xf numFmtId="0" fontId="27" fillId="36" borderId="14" xfId="0" applyFont="1" applyFill="1" applyBorder="1" applyAlignment="1" applyProtection="1">
      <alignment horizontal="left" vertical="center"/>
      <protection locked="0"/>
    </xf>
    <xf numFmtId="0" fontId="0" fillId="0" borderId="0" xfId="0">
      <alignment vertical="center"/>
    </xf>
    <xf numFmtId="0" fontId="21" fillId="36" borderId="11" xfId="0" applyFont="1" applyFill="1" applyBorder="1" applyAlignment="1" applyProtection="1">
      <alignment horizontal="left" vertical="center"/>
      <protection locked="0"/>
    </xf>
    <xf numFmtId="0" fontId="21" fillId="36" borderId="12" xfId="0" applyFont="1" applyFill="1" applyBorder="1" applyAlignment="1" applyProtection="1">
      <alignment horizontal="left" vertical="center"/>
      <protection locked="0"/>
    </xf>
    <xf numFmtId="0" fontId="21" fillId="36" borderId="13" xfId="0" applyFont="1" applyFill="1" applyBorder="1" applyAlignment="1" applyProtection="1">
      <alignment horizontal="left" vertical="center"/>
      <protection locked="0"/>
    </xf>
    <xf numFmtId="0" fontId="21" fillId="36" borderId="10" xfId="0" applyFont="1" applyFill="1" applyBorder="1" applyAlignment="1" applyProtection="1">
      <alignment horizontal="left" vertical="center"/>
      <protection locked="0"/>
    </xf>
    <xf numFmtId="0" fontId="21" fillId="36" borderId="0" xfId="0" applyFont="1" applyFill="1" applyAlignment="1" applyProtection="1">
      <alignment horizontal="left" vertical="center"/>
      <protection locked="0"/>
    </xf>
    <xf numFmtId="0" fontId="21" fillId="36" borderId="14" xfId="0" applyFont="1" applyFill="1" applyBorder="1" applyAlignment="1" applyProtection="1">
      <alignment horizontal="left" vertical="center"/>
      <protection locked="0"/>
    </xf>
    <xf numFmtId="0" fontId="21" fillId="36" borderId="15" xfId="0" applyFont="1" applyFill="1" applyBorder="1" applyAlignment="1" applyProtection="1">
      <alignment horizontal="left" vertical="center"/>
      <protection locked="0"/>
    </xf>
    <xf numFmtId="0" fontId="21" fillId="36" borderId="16" xfId="0" applyFont="1" applyFill="1" applyBorder="1" applyAlignment="1" applyProtection="1">
      <alignment horizontal="left" vertical="center"/>
      <protection locked="0"/>
    </xf>
    <xf numFmtId="0" fontId="21" fillId="36" borderId="17" xfId="0" applyFont="1" applyFill="1" applyBorder="1" applyAlignment="1" applyProtection="1">
      <alignment horizontal="left" vertical="center"/>
      <protection locked="0"/>
    </xf>
    <xf numFmtId="0" fontId="27" fillId="36" borderId="19" xfId="0" applyFont="1" applyFill="1" applyBorder="1" applyAlignment="1">
      <alignment horizontal="right" vertical="center"/>
    </xf>
    <xf numFmtId="0" fontId="21" fillId="36" borderId="0" xfId="0" applyFont="1" applyFill="1" applyAlignment="1" applyProtection="1">
      <alignment horizontal="center" vertical="center"/>
      <protection locked="0"/>
    </xf>
    <xf numFmtId="0" fontId="32" fillId="36" borderId="21" xfId="43" applyFont="1" applyFill="1" applyBorder="1" applyProtection="1">
      <alignment vertical="center"/>
      <protection locked="0"/>
    </xf>
  </cellXfs>
  <cellStyles count="47">
    <cellStyle name="20% - アクセント 1" xfId="19" builtinId="30" customBuiltin="1"/>
    <cellStyle name="20% - アクセント 2" xfId="23" builtinId="34" customBuiltin="1"/>
    <cellStyle name="20% - アクセント 3" xfId="27" builtinId="38" customBuiltin="1"/>
    <cellStyle name="20% - アクセント 4" xfId="31" builtinId="42" customBuiltin="1"/>
    <cellStyle name="20% - アクセント 5" xfId="35" builtinId="46" customBuiltin="1"/>
    <cellStyle name="20% - アクセント 6" xfId="39" builtinId="50" customBuiltin="1"/>
    <cellStyle name="40% - アクセント 1" xfId="20" builtinId="31" customBuiltin="1"/>
    <cellStyle name="40% - アクセント 2" xfId="24" builtinId="35" customBuiltin="1"/>
    <cellStyle name="40% - アクセント 3" xfId="28" builtinId="39" customBuiltin="1"/>
    <cellStyle name="40% - アクセント 4" xfId="32" builtinId="43" customBuiltin="1"/>
    <cellStyle name="40% - アクセント 5" xfId="36" builtinId="47" customBuiltin="1"/>
    <cellStyle name="40% - アクセント 6" xfId="40" builtinId="51" customBuiltin="1"/>
    <cellStyle name="60% - アクセント 1" xfId="21" builtinId="32" customBuiltin="1"/>
    <cellStyle name="60% - アクセント 2" xfId="25" builtinId="36" customBuiltin="1"/>
    <cellStyle name="60% - アクセント 3" xfId="29" builtinId="40" customBuiltin="1"/>
    <cellStyle name="60% - アクセント 4" xfId="33" builtinId="44" customBuiltin="1"/>
    <cellStyle name="60% - アクセント 5" xfId="37" builtinId="48" customBuiltin="1"/>
    <cellStyle name="60% - アクセント 6" xfId="41" builtinId="52" customBuiltin="1"/>
    <cellStyle name="アクセント 1" xfId="18" builtinId="29" customBuiltin="1"/>
    <cellStyle name="アクセント 2" xfId="22" builtinId="33" customBuiltin="1"/>
    <cellStyle name="アクセント 3" xfId="26" builtinId="37" customBuiltin="1"/>
    <cellStyle name="アクセント 4" xfId="30" builtinId="41" customBuiltin="1"/>
    <cellStyle name="アクセント 5" xfId="34" builtinId="45" customBuiltin="1"/>
    <cellStyle name="アクセント 6" xfId="38" builtinId="49" customBuiltin="1"/>
    <cellStyle name="タイトル" xfId="1" builtinId="15" customBuiltin="1"/>
    <cellStyle name="チェック セル" xfId="13" builtinId="23" customBuiltin="1"/>
    <cellStyle name="どちらでもない" xfId="8" builtinId="28" customBuiltin="1"/>
    <cellStyle name="メモ" xfId="15" builtinId="10" customBuiltin="1"/>
    <cellStyle name="リンク セル" xfId="12" builtinId="24" customBuiltin="1"/>
    <cellStyle name="悪い" xfId="7" builtinId="27" customBuiltin="1"/>
    <cellStyle name="計算" xfId="11" builtinId="22" customBuiltin="1"/>
    <cellStyle name="警告文" xfId="14" builtinId="11" customBuiltin="1"/>
    <cellStyle name="桁区切り 2" xfId="45" xr:uid="{ABB63A53-749D-483A-B954-03895A583E08}"/>
    <cellStyle name="見出し 1" xfId="2" builtinId="16" customBuiltin="1"/>
    <cellStyle name="見出し 2" xfId="3" builtinId="17" customBuiltin="1"/>
    <cellStyle name="見出し 3" xfId="4" builtinId="18" customBuiltin="1"/>
    <cellStyle name="見出し 4" xfId="5" builtinId="19" customBuiltin="1"/>
    <cellStyle name="集計" xfId="17" builtinId="25" customBuiltin="1"/>
    <cellStyle name="出力" xfId="10" builtinId="21" customBuiltin="1"/>
    <cellStyle name="説明文" xfId="16" builtinId="53" customBuiltin="1"/>
    <cellStyle name="入力" xfId="9" builtinId="20" customBuiltin="1"/>
    <cellStyle name="標準" xfId="0" builtinId="0"/>
    <cellStyle name="標準 2" xfId="42" xr:uid="{7D1DC3E9-644C-41A4-8700-BAA943EDA2D6}"/>
    <cellStyle name="標準 2 2" xfId="44" xr:uid="{6AC088A7-3AE1-4819-8A30-8B309A87486B}"/>
    <cellStyle name="標準 3" xfId="43" xr:uid="{30650C9F-CAF4-46F0-9AF1-70AFA917E84B}"/>
    <cellStyle name="標準_設計者等一覧" xfId="46" xr:uid="{A2F02858-0E43-47EB-9284-38A492661060}"/>
    <cellStyle name="良い" xfId="6" builtinId="26" customBuiltin="1"/>
  </cellStyles>
  <dxfs count="0"/>
  <tableStyles count="0" defaultTableStyle="TableStyleMedium2" defaultPivotStyle="PivotStyleLight16"/>
  <colors>
    <mruColors>
      <color rgb="FFCCFFFF"/>
      <color rgb="FFFFFFCC"/>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9</xdr:col>
      <xdr:colOff>28575</xdr:colOff>
      <xdr:row>4</xdr:row>
      <xdr:rowOff>114300</xdr:rowOff>
    </xdr:from>
    <xdr:to>
      <xdr:col>10</xdr:col>
      <xdr:colOff>228600</xdr:colOff>
      <xdr:row>6</xdr:row>
      <xdr:rowOff>91440</xdr:rowOff>
    </xdr:to>
    <xdr:sp macro="" textlink="">
      <xdr:nvSpPr>
        <xdr:cNvPr id="4" name="楕円 3">
          <a:extLst>
            <a:ext uri="{FF2B5EF4-FFF2-40B4-BE49-F238E27FC236}">
              <a16:creationId xmlns:a16="http://schemas.microsoft.com/office/drawing/2014/main" id="{F9FE33BA-B806-8C62-5542-E76ED3A0D27E}"/>
            </a:ext>
          </a:extLst>
        </xdr:cNvPr>
        <xdr:cNvSpPr/>
      </xdr:nvSpPr>
      <xdr:spPr bwMode="auto">
        <a:xfrm>
          <a:off x="2238375" y="952500"/>
          <a:ext cx="447675" cy="396240"/>
        </a:xfrm>
        <a:prstGeom prst="ellipse">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kern="1200"/>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xdr:col>
      <xdr:colOff>15240</xdr:colOff>
      <xdr:row>1</xdr:row>
      <xdr:rowOff>19050</xdr:rowOff>
    </xdr:to>
    <xdr:pic>
      <xdr:nvPicPr>
        <xdr:cNvPr id="2" name="図 1">
          <a:extLst>
            <a:ext uri="{FF2B5EF4-FFF2-40B4-BE49-F238E27FC236}">
              <a16:creationId xmlns:a16="http://schemas.microsoft.com/office/drawing/2014/main" id="{F7C4EC1C-0DC5-5B04-7DF2-E9F12AEB70D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228600" cy="2362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fsk08\&#24314;&#31689;&#20303;&#23429;&#37096;\Documents%20and%20Settings\kanai\&#12487;&#12473;&#12463;&#12488;&#12483;&#12503;\h19&#21454;&#21463;&#35352;&#37682;&#65381;&#26045;&#34892;&#30058;&#21495;&#31807;.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65298;&#24314;&#31689;&#25351;&#23566;&#12464;&#12523;&#12540;&#12503;/&#9734;&#20302;&#28845;&#32032;&#24314;&#31689;&#29289;/30&#20302;&#28845;&#32032;/H30&#20302;&#28845;&#32032;&#24314;&#31689;&#29289;&#21488;&#2411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負担額　収受記録簿"/>
      <sheetName val="家対・その他　収受記録簿"/>
      <sheetName val="施行番号簿"/>
      <sheetName val="コード一覧"/>
      <sheetName val="リスト"/>
      <sheetName val="コード一覧 (名前順)"/>
    </sheetNames>
    <sheetDataSet>
      <sheetData sheetId="0"/>
      <sheetData sheetId="1"/>
      <sheetData sheetId="2"/>
      <sheetData sheetId="3"/>
      <sheetData sheetId="4">
        <row r="15">
          <cell r="A15" t="str">
            <v>平成１９年度特優賃家賃対策補助金交付申請書</v>
          </cell>
        </row>
        <row r="16">
          <cell r="A16" t="str">
            <v>平成１９年度特優賃家賃対策補助金交付変更交付申請書</v>
          </cell>
        </row>
        <row r="17">
          <cell r="A17" t="str">
            <v>平成１９年度特優賃家賃対策補助金実績報告書</v>
          </cell>
        </row>
        <row r="18">
          <cell r="A18" t="str">
            <v>平成１９年度特優賃家賃変更協議書</v>
          </cell>
        </row>
        <row r="19">
          <cell r="A19" t="str">
            <v>平成１９年度高優賃家賃対策補助金交付変更交付申請書</v>
          </cell>
        </row>
        <row r="20">
          <cell r="A20" t="str">
            <v>公募の例外による入居の承認</v>
          </cell>
        </row>
      </sheetData>
      <sheetData sheetId="5"/>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3 伊勢原市"/>
      <sheetName val="収入件数"/>
      <sheetName val="認定件数"/>
      <sheetName val="マクロ"/>
      <sheetName val="施行番号簿"/>
      <sheetName val="設計者等一覧"/>
      <sheetName val="認定台帳"/>
      <sheetName val="調査票"/>
      <sheetName val="低炭素建築物認定台帳"/>
      <sheetName val="マスター"/>
      <sheetName val="収入金額"/>
      <sheetName val="（参考）選択肢"/>
      <sheetName val="（参考様式）低炭素建築物認定台帳"/>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4">
          <cell r="B4" t="str">
            <v>新規</v>
          </cell>
          <cell r="C4" t="str">
            <v>建築物全体</v>
          </cell>
          <cell r="K4">
            <v>2012</v>
          </cell>
          <cell r="L4">
            <v>1</v>
          </cell>
          <cell r="M4">
            <v>1</v>
          </cell>
        </row>
        <row r="5">
          <cell r="B5" t="str">
            <v>変更</v>
          </cell>
          <cell r="C5" t="str">
            <v>住戸の部分のみ</v>
          </cell>
          <cell r="K5">
            <v>2013</v>
          </cell>
          <cell r="L5">
            <v>2</v>
          </cell>
          <cell r="M5">
            <v>2</v>
          </cell>
        </row>
        <row r="6">
          <cell r="C6" t="str">
            <v>建築物全体および住戸の部分</v>
          </cell>
          <cell r="K6">
            <v>2014</v>
          </cell>
          <cell r="L6">
            <v>3</v>
          </cell>
          <cell r="M6">
            <v>3</v>
          </cell>
        </row>
        <row r="7">
          <cell r="K7">
            <v>2015</v>
          </cell>
          <cell r="L7">
            <v>4</v>
          </cell>
          <cell r="M7">
            <v>4</v>
          </cell>
        </row>
        <row r="8">
          <cell r="K8">
            <v>2016</v>
          </cell>
          <cell r="L8">
            <v>5</v>
          </cell>
          <cell r="M8">
            <v>5</v>
          </cell>
        </row>
        <row r="9">
          <cell r="K9">
            <v>2017</v>
          </cell>
          <cell r="L9">
            <v>6</v>
          </cell>
          <cell r="M9">
            <v>6</v>
          </cell>
        </row>
        <row r="10">
          <cell r="K10">
            <v>2018</v>
          </cell>
          <cell r="L10">
            <v>7</v>
          </cell>
          <cell r="M10">
            <v>7</v>
          </cell>
        </row>
        <row r="11">
          <cell r="K11">
            <v>2019</v>
          </cell>
          <cell r="L11">
            <v>8</v>
          </cell>
          <cell r="M11">
            <v>8</v>
          </cell>
        </row>
        <row r="12">
          <cell r="K12">
            <v>2020</v>
          </cell>
          <cell r="L12">
            <v>9</v>
          </cell>
          <cell r="M12">
            <v>9</v>
          </cell>
        </row>
        <row r="13">
          <cell r="K13">
            <v>2021</v>
          </cell>
          <cell r="L13">
            <v>10</v>
          </cell>
          <cell r="M13">
            <v>10</v>
          </cell>
        </row>
        <row r="14">
          <cell r="K14">
            <v>2022</v>
          </cell>
          <cell r="L14">
            <v>11</v>
          </cell>
          <cell r="M14">
            <v>11</v>
          </cell>
        </row>
        <row r="15">
          <cell r="K15">
            <v>2023</v>
          </cell>
          <cell r="L15">
            <v>12</v>
          </cell>
          <cell r="M15">
            <v>12</v>
          </cell>
        </row>
        <row r="16">
          <cell r="K16">
            <v>2024</v>
          </cell>
          <cell r="M16">
            <v>13</v>
          </cell>
        </row>
        <row r="17">
          <cell r="K17">
            <v>2025</v>
          </cell>
          <cell r="M17">
            <v>14</v>
          </cell>
        </row>
        <row r="18">
          <cell r="K18">
            <v>2026</v>
          </cell>
          <cell r="M18">
            <v>15</v>
          </cell>
        </row>
        <row r="19">
          <cell r="K19">
            <v>2027</v>
          </cell>
          <cell r="M19">
            <v>16</v>
          </cell>
        </row>
        <row r="20">
          <cell r="K20">
            <v>2028</v>
          </cell>
          <cell r="M20">
            <v>17</v>
          </cell>
        </row>
        <row r="21">
          <cell r="K21">
            <v>2029</v>
          </cell>
          <cell r="M21">
            <v>18</v>
          </cell>
        </row>
        <row r="22">
          <cell r="K22">
            <v>2030</v>
          </cell>
          <cell r="M22">
            <v>19</v>
          </cell>
        </row>
        <row r="23">
          <cell r="K23">
            <v>2031</v>
          </cell>
          <cell r="M23">
            <v>20</v>
          </cell>
        </row>
        <row r="24">
          <cell r="K24">
            <v>2032</v>
          </cell>
          <cell r="M24">
            <v>21</v>
          </cell>
        </row>
        <row r="25">
          <cell r="K25">
            <v>2033</v>
          </cell>
          <cell r="M25">
            <v>22</v>
          </cell>
        </row>
        <row r="26">
          <cell r="K26">
            <v>2034</v>
          </cell>
          <cell r="M26">
            <v>23</v>
          </cell>
        </row>
        <row r="27">
          <cell r="K27">
            <v>2035</v>
          </cell>
          <cell r="M27">
            <v>24</v>
          </cell>
        </row>
        <row r="28">
          <cell r="K28">
            <v>2036</v>
          </cell>
          <cell r="M28">
            <v>25</v>
          </cell>
        </row>
        <row r="29">
          <cell r="K29">
            <v>2037</v>
          </cell>
          <cell r="M29">
            <v>26</v>
          </cell>
        </row>
        <row r="30">
          <cell r="K30">
            <v>2038</v>
          </cell>
          <cell r="M30">
            <v>27</v>
          </cell>
        </row>
        <row r="31">
          <cell r="K31">
            <v>2039</v>
          </cell>
          <cell r="M31">
            <v>28</v>
          </cell>
        </row>
        <row r="32">
          <cell r="K32">
            <v>2040</v>
          </cell>
          <cell r="M32">
            <v>29</v>
          </cell>
        </row>
        <row r="33">
          <cell r="K33">
            <v>2041</v>
          </cell>
          <cell r="M33">
            <v>30</v>
          </cell>
        </row>
        <row r="34">
          <cell r="K34">
            <v>2042</v>
          </cell>
          <cell r="M34">
            <v>31</v>
          </cell>
        </row>
        <row r="35">
          <cell r="K35">
            <v>2043</v>
          </cell>
        </row>
        <row r="36">
          <cell r="K36">
            <v>2044</v>
          </cell>
        </row>
        <row r="37">
          <cell r="K37">
            <v>2045</v>
          </cell>
        </row>
        <row r="38">
          <cell r="K38">
            <v>2046</v>
          </cell>
        </row>
        <row r="39">
          <cell r="K39">
            <v>2047</v>
          </cell>
        </row>
        <row r="40">
          <cell r="K40">
            <v>2048</v>
          </cell>
        </row>
        <row r="41">
          <cell r="K41">
            <v>2049</v>
          </cell>
        </row>
        <row r="42">
          <cell r="K42">
            <v>2050</v>
          </cell>
        </row>
        <row r="43">
          <cell r="K43">
            <v>2051</v>
          </cell>
        </row>
        <row r="44">
          <cell r="K44">
            <v>2052</v>
          </cell>
        </row>
        <row r="45">
          <cell r="K45">
            <v>2053</v>
          </cell>
        </row>
        <row r="46">
          <cell r="K46">
            <v>2054</v>
          </cell>
        </row>
        <row r="47">
          <cell r="K47">
            <v>2055</v>
          </cell>
        </row>
        <row r="48">
          <cell r="K48">
            <v>2056</v>
          </cell>
        </row>
        <row r="49">
          <cell r="K49">
            <v>2057</v>
          </cell>
        </row>
        <row r="50">
          <cell r="K50">
            <v>2058</v>
          </cell>
        </row>
        <row r="51">
          <cell r="K51">
            <v>2059</v>
          </cell>
        </row>
        <row r="52">
          <cell r="K52">
            <v>2060</v>
          </cell>
        </row>
        <row r="53">
          <cell r="K53">
            <v>2061</v>
          </cell>
        </row>
        <row r="54">
          <cell r="K54">
            <v>2062</v>
          </cell>
        </row>
        <row r="55">
          <cell r="K55">
            <v>2063</v>
          </cell>
        </row>
        <row r="56">
          <cell r="K56">
            <v>2064</v>
          </cell>
        </row>
        <row r="57">
          <cell r="K57">
            <v>2065</v>
          </cell>
        </row>
        <row r="58">
          <cell r="K58">
            <v>2066</v>
          </cell>
        </row>
        <row r="59">
          <cell r="K59">
            <v>2067</v>
          </cell>
        </row>
        <row r="60">
          <cell r="K60">
            <v>2068</v>
          </cell>
        </row>
        <row r="61">
          <cell r="K61">
            <v>2069</v>
          </cell>
        </row>
        <row r="62">
          <cell r="K62">
            <v>2070</v>
          </cell>
        </row>
        <row r="63">
          <cell r="K63">
            <v>2071</v>
          </cell>
        </row>
        <row r="64">
          <cell r="K64">
            <v>2072</v>
          </cell>
        </row>
        <row r="65">
          <cell r="K65">
            <v>2073</v>
          </cell>
        </row>
        <row r="66">
          <cell r="K66">
            <v>2074</v>
          </cell>
        </row>
        <row r="67">
          <cell r="K67">
            <v>2075</v>
          </cell>
        </row>
        <row r="68">
          <cell r="K68">
            <v>2076</v>
          </cell>
        </row>
        <row r="69">
          <cell r="K69">
            <v>2077</v>
          </cell>
        </row>
        <row r="70">
          <cell r="K70">
            <v>2078</v>
          </cell>
        </row>
        <row r="71">
          <cell r="K71">
            <v>2079</v>
          </cell>
        </row>
        <row r="72">
          <cell r="K72">
            <v>2080</v>
          </cell>
        </row>
        <row r="73">
          <cell r="K73">
            <v>2081</v>
          </cell>
        </row>
        <row r="74">
          <cell r="K74">
            <v>2082</v>
          </cell>
        </row>
        <row r="75">
          <cell r="K75">
            <v>2083</v>
          </cell>
        </row>
        <row r="76">
          <cell r="K76">
            <v>2084</v>
          </cell>
        </row>
        <row r="77">
          <cell r="K77">
            <v>2085</v>
          </cell>
        </row>
        <row r="78">
          <cell r="K78">
            <v>2086</v>
          </cell>
        </row>
        <row r="79">
          <cell r="K79">
            <v>2087</v>
          </cell>
        </row>
        <row r="80">
          <cell r="K80">
            <v>2088</v>
          </cell>
        </row>
        <row r="81">
          <cell r="K81">
            <v>2089</v>
          </cell>
        </row>
        <row r="82">
          <cell r="K82">
            <v>2090</v>
          </cell>
        </row>
        <row r="83">
          <cell r="K83">
            <v>2091</v>
          </cell>
        </row>
        <row r="84">
          <cell r="K84">
            <v>2092</v>
          </cell>
        </row>
        <row r="85">
          <cell r="K85">
            <v>2093</v>
          </cell>
        </row>
        <row r="86">
          <cell r="K86">
            <v>2094</v>
          </cell>
        </row>
        <row r="87">
          <cell r="K87">
            <v>2095</v>
          </cell>
        </row>
        <row r="88">
          <cell r="K88">
            <v>2096</v>
          </cell>
        </row>
        <row r="89">
          <cell r="K89">
            <v>2097</v>
          </cell>
        </row>
        <row r="90">
          <cell r="K90">
            <v>2098</v>
          </cell>
        </row>
        <row r="91">
          <cell r="K91">
            <v>2099</v>
          </cell>
        </row>
        <row r="92">
          <cell r="K92">
            <v>2100</v>
          </cell>
        </row>
      </sheetData>
      <sheetData sheetId="12"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7F2682-D26C-4293-98C8-0547D5054DF1}">
  <sheetPr>
    <tabColor rgb="FFFF0000"/>
  </sheetPr>
  <dimension ref="A1:CR42"/>
  <sheetViews>
    <sheetView tabSelected="1" view="pageBreakPreview" zoomScale="115" zoomScaleNormal="130" zoomScaleSheetLayoutView="115" workbookViewId="0">
      <selection activeCell="M5" sqref="M5"/>
    </sheetView>
  </sheetViews>
  <sheetFormatPr defaultColWidth="8.09765625" defaultRowHeight="12"/>
  <cols>
    <col min="1" max="1" width="11.296875" style="133" customWidth="1"/>
    <col min="2" max="2" width="5.296875" style="139" hidden="1" customWidth="1"/>
    <col min="3" max="3" width="5.296875" style="140" hidden="1" customWidth="1"/>
    <col min="4" max="4" width="41.3984375" style="76" customWidth="1"/>
    <col min="5" max="5" width="5.5" style="76" customWidth="1"/>
    <col min="6" max="6" width="3.59765625" style="76" customWidth="1"/>
    <col min="7" max="7" width="3.3984375" style="76" customWidth="1"/>
    <col min="8" max="8" width="5.19921875" style="76" hidden="1" customWidth="1"/>
    <col min="9" max="9" width="6.296875" style="76" hidden="1" customWidth="1"/>
    <col min="10" max="10" width="3.3984375" style="76" hidden="1" customWidth="1"/>
    <col min="11" max="11" width="3" style="141" hidden="1" customWidth="1"/>
    <col min="12" max="12" width="50.19921875" style="141" customWidth="1"/>
    <col min="13" max="13" width="14.3984375" style="76" customWidth="1"/>
    <col min="14" max="14" width="7.8984375" style="76" customWidth="1"/>
    <col min="15" max="15" width="9.796875" style="76" customWidth="1"/>
    <col min="16" max="16" width="53.5" style="76" customWidth="1"/>
    <col min="17" max="18" width="14.5" style="142" bestFit="1" customWidth="1"/>
    <col min="19" max="19" width="18.3984375" style="142" bestFit="1" customWidth="1"/>
    <col min="20" max="20" width="14.5" style="76" bestFit="1" customWidth="1"/>
    <col min="21" max="21" width="4.5" style="76" customWidth="1"/>
    <col min="22" max="22" width="5.19921875" style="143" customWidth="1"/>
    <col min="23" max="23" width="4.59765625" style="143" customWidth="1"/>
    <col min="24" max="25" width="6.19921875" style="76" customWidth="1"/>
    <col min="26" max="26" width="4.59765625" style="76" customWidth="1"/>
    <col min="27" max="28" width="4.3984375" style="76" customWidth="1"/>
    <col min="29" max="29" width="14.5" style="80" bestFit="1" customWidth="1"/>
    <col min="30" max="30" width="16.5" style="143" bestFit="1" customWidth="1"/>
    <col min="31" max="31" width="21.3984375" style="153" bestFit="1" customWidth="1"/>
    <col min="32" max="32" width="14.5" style="80" bestFit="1" customWidth="1"/>
    <col min="33" max="33" width="5.3984375" style="76" customWidth="1"/>
    <col min="34" max="34" width="2.8984375" style="76" customWidth="1"/>
    <col min="35" max="35" width="3.3984375" style="76" customWidth="1"/>
    <col min="36" max="36" width="5.19921875" style="76" customWidth="1"/>
    <col min="37" max="37" width="2.8984375" style="76" customWidth="1"/>
    <col min="38" max="38" width="3.3984375" style="76" customWidth="1"/>
    <col min="39" max="39" width="18.3984375" style="145" customWidth="1"/>
    <col min="40" max="40" width="46.296875" style="145" customWidth="1"/>
    <col min="41" max="41" width="14.296875" style="145" customWidth="1"/>
    <col min="42" max="42" width="18.5" style="80" customWidth="1"/>
    <col min="43" max="43" width="17.09765625" style="146" customWidth="1"/>
    <col min="44" max="44" width="15.3984375" style="146" customWidth="1"/>
    <col min="45" max="45" width="4.3984375" style="147" customWidth="1"/>
    <col min="46" max="46" width="4.296875" style="147" customWidth="1"/>
    <col min="47" max="47" width="22.796875" style="146" customWidth="1"/>
    <col min="48" max="48" width="7.09765625" style="145" customWidth="1"/>
    <col min="49" max="49" width="8.8984375" style="76" hidden="1" customWidth="1"/>
    <col min="50" max="50" width="9.59765625" style="76" hidden="1" customWidth="1"/>
    <col min="51" max="51" width="8.8984375" style="76" hidden="1" customWidth="1"/>
    <col min="52" max="52" width="12.8984375" style="80" hidden="1" customWidth="1"/>
    <col min="53" max="53" width="5.19921875" style="76" hidden="1" customWidth="1"/>
    <col min="54" max="54" width="3.59765625" style="76" hidden="1" customWidth="1"/>
    <col min="55" max="55" width="9.765625E-2" style="76" hidden="1" customWidth="1"/>
    <col min="56" max="56" width="5.19921875" style="76" hidden="1" customWidth="1"/>
    <col min="57" max="57" width="3.59765625" style="76" hidden="1" customWidth="1"/>
    <col min="58" max="58" width="3.3984375" style="76" hidden="1" customWidth="1"/>
    <col min="59" max="59" width="9.09765625" style="149" hidden="1" customWidth="1"/>
    <col min="60" max="60" width="23.796875" style="76" hidden="1" customWidth="1"/>
    <col min="61" max="61" width="12.69921875" style="76" hidden="1" customWidth="1"/>
    <col min="62" max="62" width="28.09765625" style="76" hidden="1" customWidth="1"/>
    <col min="63" max="63" width="6.296875" style="76" hidden="1" customWidth="1"/>
    <col min="64" max="64" width="3.3984375" style="76" hidden="1" customWidth="1"/>
    <col min="65" max="65" width="4.69921875" style="76" hidden="1" customWidth="1"/>
    <col min="66" max="66" width="4.69921875" style="143" hidden="1" customWidth="1"/>
    <col min="67" max="67" width="6.5" style="142" hidden="1" customWidth="1"/>
    <col min="68" max="68" width="7.296875" style="150" hidden="1" customWidth="1"/>
    <col min="69" max="69" width="9.765625E-2" style="76" customWidth="1"/>
    <col min="70" max="70" width="5.3984375" style="76" hidden="1" customWidth="1"/>
    <col min="71" max="71" width="12" style="76" hidden="1" customWidth="1"/>
    <col min="72" max="72" width="29.69921875" style="78" customWidth="1"/>
    <col min="73" max="73" width="7.3984375" style="151" customWidth="1"/>
    <col min="74" max="79" width="5.5" style="151" hidden="1" customWidth="1"/>
    <col min="80" max="80" width="8.09765625" style="151" hidden="1" customWidth="1"/>
    <col min="81" max="81" width="7.3984375" style="151" hidden="1" customWidth="1"/>
    <col min="82" max="82" width="12.19921875" style="80" customWidth="1"/>
    <col min="83" max="83" width="8.09765625" style="76" customWidth="1"/>
    <col min="84" max="84" width="11.19921875" style="141" customWidth="1"/>
    <col min="85" max="88" width="12.5" style="76" hidden="1" customWidth="1"/>
    <col min="89" max="91" width="8.09765625" style="151" hidden="1" customWidth="1"/>
    <col min="92" max="92" width="8.59765625" style="151" hidden="1" customWidth="1"/>
    <col min="93" max="93" width="9.5" style="151" hidden="1" customWidth="1"/>
    <col min="94" max="94" width="31.5" style="80" customWidth="1"/>
    <col min="95" max="96" width="8.19921875" style="78" customWidth="1"/>
    <col min="97" max="97" width="22.3984375" style="76" customWidth="1"/>
    <col min="98" max="98" width="8.09765625" style="76"/>
    <col min="99" max="99" width="3.296875" style="76" bestFit="1" customWidth="1"/>
    <col min="100" max="100" width="8.8984375" style="76" bestFit="1" customWidth="1"/>
    <col min="101" max="101" width="18.3984375" style="76" bestFit="1" customWidth="1"/>
    <col min="102" max="16384" width="8.09765625" style="76"/>
  </cols>
  <sheetData>
    <row r="1" spans="1:96" ht="28.95" customHeight="1">
      <c r="A1" s="133" t="s">
        <v>223</v>
      </c>
      <c r="B1" s="228" t="s">
        <v>116</v>
      </c>
      <c r="C1" s="228" t="s">
        <v>117</v>
      </c>
      <c r="D1" s="250" t="s">
        <v>118</v>
      </c>
      <c r="E1" s="267" t="s">
        <v>119</v>
      </c>
      <c r="F1" s="268"/>
      <c r="G1" s="269"/>
      <c r="H1" s="77"/>
      <c r="I1" s="77"/>
      <c r="J1" s="77"/>
      <c r="K1" s="77"/>
      <c r="L1" s="250" t="s">
        <v>120</v>
      </c>
      <c r="M1" s="250" t="s">
        <v>121</v>
      </c>
      <c r="N1" s="267" t="s">
        <v>122</v>
      </c>
      <c r="O1" s="268"/>
      <c r="P1" s="269"/>
      <c r="Q1" s="250" t="s">
        <v>123</v>
      </c>
      <c r="R1" s="250" t="s">
        <v>124</v>
      </c>
      <c r="S1" s="250" t="s">
        <v>125</v>
      </c>
      <c r="T1" s="250" t="s">
        <v>126</v>
      </c>
      <c r="U1" s="250" t="s">
        <v>127</v>
      </c>
      <c r="V1" s="250" t="s">
        <v>128</v>
      </c>
      <c r="W1" s="273"/>
      <c r="X1" s="250" t="s">
        <v>129</v>
      </c>
      <c r="Y1" s="273"/>
      <c r="Z1" s="250" t="s">
        <v>130</v>
      </c>
      <c r="AA1" s="273"/>
      <c r="AB1" s="273"/>
      <c r="AC1" s="266" t="s">
        <v>131</v>
      </c>
      <c r="AD1" s="231" t="s">
        <v>132</v>
      </c>
      <c r="AE1" s="231" t="s">
        <v>133</v>
      </c>
      <c r="AF1" s="231" t="s">
        <v>134</v>
      </c>
      <c r="AG1" s="231" t="s">
        <v>135</v>
      </c>
      <c r="AH1" s="265"/>
      <c r="AI1" s="265"/>
      <c r="AJ1" s="231" t="s">
        <v>136</v>
      </c>
      <c r="AK1" s="265"/>
      <c r="AL1" s="265"/>
      <c r="AM1" s="266" t="s">
        <v>237</v>
      </c>
      <c r="AN1" s="266" t="s">
        <v>238</v>
      </c>
      <c r="AO1" s="231" t="s">
        <v>239</v>
      </c>
      <c r="AP1" s="266" t="s">
        <v>137</v>
      </c>
      <c r="AQ1" s="231" t="s">
        <v>138</v>
      </c>
      <c r="AR1" s="228" t="s">
        <v>139</v>
      </c>
      <c r="AS1" s="228" t="s">
        <v>140</v>
      </c>
      <c r="AT1" s="228" t="s">
        <v>141</v>
      </c>
      <c r="AU1" s="228" t="s">
        <v>142</v>
      </c>
      <c r="AV1" s="250" t="s">
        <v>143</v>
      </c>
      <c r="AW1" s="252" t="s">
        <v>144</v>
      </c>
      <c r="AX1" s="253"/>
      <c r="AY1" s="254"/>
      <c r="AZ1" s="228" t="s">
        <v>145</v>
      </c>
      <c r="BA1" s="231" t="s">
        <v>146</v>
      </c>
      <c r="BB1" s="231"/>
      <c r="BC1" s="231"/>
      <c r="BD1" s="231"/>
      <c r="BE1" s="231"/>
      <c r="BF1" s="231"/>
      <c r="BG1" s="232" t="s">
        <v>147</v>
      </c>
      <c r="BH1" s="259"/>
      <c r="BI1" s="260"/>
      <c r="BJ1" s="231" t="s">
        <v>148</v>
      </c>
      <c r="BK1" s="231"/>
      <c r="BL1" s="231"/>
      <c r="BM1" s="231"/>
      <c r="BN1" s="231"/>
      <c r="BO1" s="231"/>
      <c r="BP1" s="231"/>
      <c r="BQ1" s="231"/>
      <c r="BR1" s="232"/>
      <c r="BS1" s="236" t="s">
        <v>149</v>
      </c>
      <c r="BT1" s="238" t="s">
        <v>150</v>
      </c>
      <c r="BU1" s="239" t="s">
        <v>151</v>
      </c>
      <c r="BV1" s="240"/>
      <c r="BW1" s="240"/>
      <c r="BX1" s="240"/>
      <c r="BY1" s="240"/>
      <c r="BZ1" s="240"/>
      <c r="CA1" s="240"/>
      <c r="CB1" s="240"/>
      <c r="CC1" s="240"/>
      <c r="CD1" s="241" t="s">
        <v>152</v>
      </c>
      <c r="CE1" s="242"/>
      <c r="CF1" s="243"/>
      <c r="CG1" s="244" t="s">
        <v>153</v>
      </c>
      <c r="CH1" s="245"/>
      <c r="CI1" s="246"/>
      <c r="CJ1" s="228" t="s">
        <v>154</v>
      </c>
      <c r="CK1" s="219" t="s">
        <v>155</v>
      </c>
      <c r="CL1" s="222" t="s">
        <v>156</v>
      </c>
      <c r="CM1" s="223"/>
      <c r="CN1" s="223"/>
      <c r="CO1" s="224"/>
      <c r="CP1" s="228" t="s">
        <v>157</v>
      </c>
    </row>
    <row r="2" spans="1:96" s="80" customFormat="1" ht="19.95" customHeight="1">
      <c r="A2" s="192"/>
      <c r="B2" s="237"/>
      <c r="C2" s="237"/>
      <c r="D2" s="251"/>
      <c r="E2" s="270"/>
      <c r="F2" s="271"/>
      <c r="G2" s="272"/>
      <c r="H2" s="79"/>
      <c r="I2" s="231" t="s">
        <v>158</v>
      </c>
      <c r="J2" s="231"/>
      <c r="K2" s="232"/>
      <c r="L2" s="251"/>
      <c r="M2" s="251"/>
      <c r="N2" s="270"/>
      <c r="O2" s="271"/>
      <c r="P2" s="272"/>
      <c r="Q2" s="251"/>
      <c r="R2" s="251"/>
      <c r="S2" s="251"/>
      <c r="T2" s="251"/>
      <c r="U2" s="251"/>
      <c r="V2" s="258"/>
      <c r="W2" s="258"/>
      <c r="X2" s="258"/>
      <c r="Y2" s="258"/>
      <c r="Z2" s="258"/>
      <c r="AA2" s="258"/>
      <c r="AB2" s="258"/>
      <c r="AC2" s="264"/>
      <c r="AD2" s="264"/>
      <c r="AE2" s="264"/>
      <c r="AF2" s="264"/>
      <c r="AG2" s="265"/>
      <c r="AH2" s="265"/>
      <c r="AI2" s="265"/>
      <c r="AJ2" s="265"/>
      <c r="AK2" s="265"/>
      <c r="AL2" s="265"/>
      <c r="AM2" s="264"/>
      <c r="AN2" s="264"/>
      <c r="AO2" s="264"/>
      <c r="AP2" s="264"/>
      <c r="AQ2" s="264"/>
      <c r="AR2" s="251"/>
      <c r="AS2" s="237"/>
      <c r="AT2" s="237"/>
      <c r="AU2" s="237"/>
      <c r="AV2" s="251"/>
      <c r="AW2" s="255"/>
      <c r="AX2" s="255"/>
      <c r="AY2" s="256"/>
      <c r="AZ2" s="257"/>
      <c r="BA2" s="233" t="s">
        <v>159</v>
      </c>
      <c r="BB2" s="233"/>
      <c r="BC2" s="233"/>
      <c r="BD2" s="233" t="s">
        <v>160</v>
      </c>
      <c r="BE2" s="233"/>
      <c r="BF2" s="233"/>
      <c r="BG2" s="234" t="s">
        <v>161</v>
      </c>
      <c r="BH2" s="235" t="s">
        <v>162</v>
      </c>
      <c r="BI2" s="235" t="s">
        <v>163</v>
      </c>
      <c r="BJ2" s="228" t="s">
        <v>164</v>
      </c>
      <c r="BK2" s="261" t="s">
        <v>165</v>
      </c>
      <c r="BL2" s="261"/>
      <c r="BM2" s="219" t="s">
        <v>166</v>
      </c>
      <c r="BN2" s="262" t="s">
        <v>167</v>
      </c>
      <c r="BO2" s="263" t="s">
        <v>168</v>
      </c>
      <c r="BP2" s="216" t="s">
        <v>169</v>
      </c>
      <c r="BQ2" s="218" t="s">
        <v>170</v>
      </c>
      <c r="BR2" s="218" t="s">
        <v>171</v>
      </c>
      <c r="BS2" s="237"/>
      <c r="BT2" s="237"/>
      <c r="BU2" s="213" t="s">
        <v>172</v>
      </c>
      <c r="BV2" s="213" t="s">
        <v>173</v>
      </c>
      <c r="BW2" s="213" t="s">
        <v>174</v>
      </c>
      <c r="BX2" s="213" t="s">
        <v>175</v>
      </c>
      <c r="BY2" s="213" t="s">
        <v>176</v>
      </c>
      <c r="BZ2" s="213" t="s">
        <v>177</v>
      </c>
      <c r="CA2" s="213" t="s">
        <v>178</v>
      </c>
      <c r="CB2" s="213" t="s">
        <v>179</v>
      </c>
      <c r="CC2" s="213" t="s">
        <v>180</v>
      </c>
      <c r="CD2" s="215" t="s">
        <v>181</v>
      </c>
      <c r="CE2" s="215"/>
      <c r="CF2" s="215"/>
      <c r="CG2" s="247"/>
      <c r="CH2" s="248"/>
      <c r="CI2" s="249"/>
      <c r="CJ2" s="229"/>
      <c r="CK2" s="220"/>
      <c r="CL2" s="225"/>
      <c r="CM2" s="226"/>
      <c r="CN2" s="226"/>
      <c r="CO2" s="227"/>
      <c r="CP2" s="229"/>
    </row>
    <row r="3" spans="1:96" s="80" customFormat="1" ht="74.400000000000006" customHeight="1" thickBot="1">
      <c r="A3" s="192"/>
      <c r="B3" s="217"/>
      <c r="C3" s="217"/>
      <c r="D3" s="214"/>
      <c r="E3" s="77" t="s">
        <v>182</v>
      </c>
      <c r="F3" s="81" t="s">
        <v>183</v>
      </c>
      <c r="G3" s="82" t="s">
        <v>184</v>
      </c>
      <c r="H3" s="83" t="s">
        <v>185</v>
      </c>
      <c r="I3" s="84" t="s">
        <v>182</v>
      </c>
      <c r="J3" s="85" t="s">
        <v>183</v>
      </c>
      <c r="K3" s="85" t="s">
        <v>184</v>
      </c>
      <c r="L3" s="214"/>
      <c r="M3" s="214"/>
      <c r="N3" s="77" t="s">
        <v>186</v>
      </c>
      <c r="O3" s="81" t="s">
        <v>187</v>
      </c>
      <c r="P3" s="82" t="s">
        <v>188</v>
      </c>
      <c r="Q3" s="214"/>
      <c r="R3" s="214"/>
      <c r="S3" s="214"/>
      <c r="T3" s="214"/>
      <c r="U3" s="214"/>
      <c r="V3" s="86" t="s">
        <v>189</v>
      </c>
      <c r="W3" s="87" t="s">
        <v>190</v>
      </c>
      <c r="X3" s="88" t="s">
        <v>191</v>
      </c>
      <c r="Y3" s="82" t="s">
        <v>192</v>
      </c>
      <c r="Z3" s="88"/>
      <c r="AA3" s="82" t="s">
        <v>193</v>
      </c>
      <c r="AB3" s="82" t="s">
        <v>194</v>
      </c>
      <c r="AC3" s="264"/>
      <c r="AD3" s="264"/>
      <c r="AE3" s="264"/>
      <c r="AF3" s="264"/>
      <c r="AG3" s="89" t="s">
        <v>182</v>
      </c>
      <c r="AH3" s="89" t="s">
        <v>183</v>
      </c>
      <c r="AI3" s="89" t="s">
        <v>184</v>
      </c>
      <c r="AJ3" s="89" t="s">
        <v>182</v>
      </c>
      <c r="AK3" s="89" t="s">
        <v>183</v>
      </c>
      <c r="AL3" s="89" t="s">
        <v>184</v>
      </c>
      <c r="AM3" s="264"/>
      <c r="AN3" s="264"/>
      <c r="AO3" s="264"/>
      <c r="AP3" s="264"/>
      <c r="AQ3" s="264"/>
      <c r="AR3" s="214"/>
      <c r="AS3" s="217"/>
      <c r="AT3" s="217"/>
      <c r="AU3" s="217"/>
      <c r="AV3" s="214"/>
      <c r="AW3" s="90" t="s">
        <v>195</v>
      </c>
      <c r="AX3" s="91" t="s">
        <v>196</v>
      </c>
      <c r="AY3" s="91" t="s">
        <v>197</v>
      </c>
      <c r="AZ3" s="258"/>
      <c r="BA3" s="89" t="s">
        <v>198</v>
      </c>
      <c r="BB3" s="89" t="s">
        <v>183</v>
      </c>
      <c r="BC3" s="89" t="s">
        <v>184</v>
      </c>
      <c r="BD3" s="89" t="s">
        <v>182</v>
      </c>
      <c r="BE3" s="89" t="s">
        <v>183</v>
      </c>
      <c r="BF3" s="89" t="s">
        <v>184</v>
      </c>
      <c r="BG3" s="230"/>
      <c r="BH3" s="230"/>
      <c r="BI3" s="230"/>
      <c r="BJ3" s="230"/>
      <c r="BK3" s="88" t="s">
        <v>182</v>
      </c>
      <c r="BL3" s="82" t="s">
        <v>183</v>
      </c>
      <c r="BM3" s="217"/>
      <c r="BN3" s="217"/>
      <c r="BO3" s="217"/>
      <c r="BP3" s="217"/>
      <c r="BQ3" s="217"/>
      <c r="BR3" s="217"/>
      <c r="BS3" s="217"/>
      <c r="BT3" s="217"/>
      <c r="BU3" s="214"/>
      <c r="BV3" s="214"/>
      <c r="BW3" s="214"/>
      <c r="BX3" s="214"/>
      <c r="BY3" s="214"/>
      <c r="BZ3" s="214"/>
      <c r="CA3" s="214"/>
      <c r="CB3" s="214"/>
      <c r="CC3" s="214"/>
      <c r="CD3" s="89" t="s">
        <v>182</v>
      </c>
      <c r="CE3" s="89" t="s">
        <v>183</v>
      </c>
      <c r="CF3" s="89" t="s">
        <v>184</v>
      </c>
      <c r="CG3" s="91" t="s">
        <v>199</v>
      </c>
      <c r="CH3" s="91" t="s">
        <v>200</v>
      </c>
      <c r="CI3" s="91" t="s">
        <v>201</v>
      </c>
      <c r="CJ3" s="230"/>
      <c r="CK3" s="221"/>
      <c r="CL3" s="92" t="s">
        <v>202</v>
      </c>
      <c r="CM3" s="92" t="s">
        <v>182</v>
      </c>
      <c r="CN3" s="92" t="s">
        <v>183</v>
      </c>
      <c r="CO3" s="92" t="s">
        <v>184</v>
      </c>
      <c r="CP3" s="230"/>
    </row>
    <row r="4" spans="1:96" s="133" customFormat="1" ht="16.95" customHeight="1">
      <c r="A4" s="93" t="s">
        <v>203</v>
      </c>
      <c r="B4" s="94"/>
      <c r="C4" s="95"/>
      <c r="D4" s="96" t="s">
        <v>204</v>
      </c>
      <c r="E4" s="97">
        <v>2026</v>
      </c>
      <c r="F4" s="98">
        <v>4</v>
      </c>
      <c r="G4" s="99">
        <v>1</v>
      </c>
      <c r="H4" s="100"/>
      <c r="I4" s="101"/>
      <c r="J4" s="98"/>
      <c r="K4" s="100"/>
      <c r="L4" s="96" t="s">
        <v>224</v>
      </c>
      <c r="M4" s="121" t="s">
        <v>205</v>
      </c>
      <c r="N4" s="102"/>
      <c r="O4" s="102" t="s">
        <v>206</v>
      </c>
      <c r="P4" s="100" t="s">
        <v>207</v>
      </c>
      <c r="Q4" s="103">
        <v>100</v>
      </c>
      <c r="R4" s="103">
        <v>50</v>
      </c>
      <c r="S4" s="103">
        <v>100</v>
      </c>
      <c r="T4" s="104" t="s">
        <v>208</v>
      </c>
      <c r="U4" s="105">
        <v>1</v>
      </c>
      <c r="V4" s="106">
        <v>1</v>
      </c>
      <c r="W4" s="107">
        <v>1</v>
      </c>
      <c r="X4" s="101">
        <v>2</v>
      </c>
      <c r="Y4" s="108">
        <v>1</v>
      </c>
      <c r="Z4" s="101" t="s">
        <v>209</v>
      </c>
      <c r="AA4" s="108"/>
      <c r="AB4" s="109"/>
      <c r="AC4" s="110" t="s">
        <v>210</v>
      </c>
      <c r="AD4" s="111">
        <v>30000</v>
      </c>
      <c r="AE4" s="112">
        <v>60000</v>
      </c>
      <c r="AF4" s="113" t="s">
        <v>211</v>
      </c>
      <c r="AG4" s="101">
        <v>2026</v>
      </c>
      <c r="AH4" s="98">
        <v>4</v>
      </c>
      <c r="AI4" s="100">
        <v>10</v>
      </c>
      <c r="AJ4" s="101">
        <v>2026</v>
      </c>
      <c r="AK4" s="102">
        <v>7</v>
      </c>
      <c r="AL4" s="98">
        <v>10</v>
      </c>
      <c r="AM4" s="114" t="s">
        <v>212</v>
      </c>
      <c r="AN4" s="114" t="s">
        <v>213</v>
      </c>
      <c r="AO4" s="114" t="s">
        <v>240</v>
      </c>
      <c r="AP4" s="115" t="s">
        <v>214</v>
      </c>
      <c r="AQ4" s="116" t="s">
        <v>215</v>
      </c>
      <c r="AR4" s="117" t="s">
        <v>216</v>
      </c>
      <c r="AS4" s="118">
        <v>30</v>
      </c>
      <c r="AT4" s="118">
        <v>30</v>
      </c>
      <c r="AU4" s="117" t="s">
        <v>215</v>
      </c>
      <c r="AV4" s="119">
        <v>8000</v>
      </c>
      <c r="AW4" s="104" t="s">
        <v>217</v>
      </c>
      <c r="AX4" s="104" t="s">
        <v>218</v>
      </c>
      <c r="AY4" s="104" t="s">
        <v>217</v>
      </c>
      <c r="AZ4" s="104" t="s">
        <v>219</v>
      </c>
      <c r="BA4" s="101"/>
      <c r="BB4" s="98"/>
      <c r="BC4" s="99"/>
      <c r="BD4" s="101"/>
      <c r="BE4" s="98"/>
      <c r="BF4" s="99"/>
      <c r="BG4" s="120"/>
      <c r="BH4" s="96" t="str">
        <f>P4</f>
        <v>○○○三丁目■番●</v>
      </c>
      <c r="BI4" s="96"/>
      <c r="BJ4" s="104"/>
      <c r="BK4" s="101"/>
      <c r="BL4" s="102"/>
      <c r="BM4" s="121"/>
      <c r="BN4" s="122"/>
      <c r="BO4" s="123"/>
      <c r="BP4" s="124"/>
      <c r="BQ4" s="96"/>
      <c r="BR4" s="125"/>
      <c r="BS4" s="126"/>
      <c r="BT4" s="127" t="s">
        <v>220</v>
      </c>
      <c r="BU4" s="96" t="s">
        <v>28</v>
      </c>
      <c r="BV4" s="128"/>
      <c r="BW4" s="128"/>
      <c r="BX4" s="128"/>
      <c r="BY4" s="128"/>
      <c r="BZ4" s="128"/>
      <c r="CA4" s="128"/>
      <c r="CB4" s="128"/>
      <c r="CC4" s="128"/>
      <c r="CD4" s="129">
        <v>2026</v>
      </c>
      <c r="CE4" s="130">
        <v>3</v>
      </c>
      <c r="CF4" s="105">
        <v>10</v>
      </c>
      <c r="CG4" s="108" t="s">
        <v>217</v>
      </c>
      <c r="CH4" s="104" t="s">
        <v>217</v>
      </c>
      <c r="CI4" s="104" t="s">
        <v>217</v>
      </c>
      <c r="CJ4" s="108"/>
      <c r="CK4" s="131"/>
      <c r="CL4" s="111"/>
      <c r="CM4" s="111"/>
      <c r="CN4" s="132"/>
      <c r="CO4" s="132"/>
      <c r="CP4" s="109"/>
    </row>
    <row r="5" spans="1:96" ht="44.4" customHeight="1">
      <c r="A5" s="134" t="s">
        <v>221</v>
      </c>
      <c r="B5" s="173"/>
      <c r="C5" s="174"/>
      <c r="D5" s="155"/>
      <c r="E5" s="156"/>
      <c r="F5" s="157"/>
      <c r="G5" s="158"/>
      <c r="H5" s="159"/>
      <c r="I5" s="160"/>
      <c r="J5" s="161"/>
      <c r="K5" s="162"/>
      <c r="L5" s="155"/>
      <c r="M5" s="190" t="s">
        <v>236</v>
      </c>
      <c r="N5" s="163"/>
      <c r="O5" s="163" t="s">
        <v>241</v>
      </c>
      <c r="P5" s="162"/>
      <c r="Q5" s="164"/>
      <c r="R5" s="164"/>
      <c r="S5" s="164"/>
      <c r="T5" s="196" t="s">
        <v>208</v>
      </c>
      <c r="U5" s="197">
        <v>1</v>
      </c>
      <c r="V5" s="198">
        <v>1</v>
      </c>
      <c r="W5" s="199">
        <v>1</v>
      </c>
      <c r="X5" s="160"/>
      <c r="Y5" s="159"/>
      <c r="Z5" s="160" t="s">
        <v>242</v>
      </c>
      <c r="AA5" s="136" t="s">
        <v>39</v>
      </c>
      <c r="AB5" s="355" t="s">
        <v>243</v>
      </c>
      <c r="AC5" s="200" t="s">
        <v>210</v>
      </c>
      <c r="AD5" s="209"/>
      <c r="AE5" s="210"/>
      <c r="AF5" s="201" t="s">
        <v>211</v>
      </c>
      <c r="AG5" s="160">
        <v>2026</v>
      </c>
      <c r="AH5" s="161"/>
      <c r="AI5" s="162"/>
      <c r="AJ5" s="160"/>
      <c r="AK5" s="166"/>
      <c r="AL5" s="161"/>
      <c r="AM5" s="167"/>
      <c r="AN5" s="167"/>
      <c r="AO5" s="167"/>
      <c r="AP5" s="202" t="s">
        <v>214</v>
      </c>
      <c r="AQ5" s="168"/>
      <c r="AR5" s="169"/>
      <c r="AS5" s="170"/>
      <c r="AT5" s="170"/>
      <c r="AU5" s="169"/>
      <c r="AV5" s="203">
        <v>8000</v>
      </c>
      <c r="AW5" s="137"/>
      <c r="AX5" s="137"/>
      <c r="AY5" s="137"/>
      <c r="AZ5" s="137"/>
      <c r="BA5" s="176"/>
      <c r="BB5" s="182"/>
      <c r="BC5" s="183"/>
      <c r="BD5" s="176"/>
      <c r="BE5" s="182"/>
      <c r="BF5" s="184"/>
      <c r="BG5" s="138"/>
      <c r="BH5" s="135"/>
      <c r="BI5" s="135"/>
      <c r="BJ5" s="175"/>
      <c r="BK5" s="176"/>
      <c r="BL5" s="177"/>
      <c r="BM5" s="175"/>
      <c r="BN5" s="178"/>
      <c r="BO5" s="179"/>
      <c r="BP5" s="180"/>
      <c r="BQ5" s="181"/>
      <c r="BR5" s="182"/>
      <c r="BS5" s="175"/>
      <c r="BT5" s="211" t="s">
        <v>235</v>
      </c>
      <c r="BU5" s="204" t="s">
        <v>28</v>
      </c>
      <c r="BV5" s="185"/>
      <c r="BW5" s="185"/>
      <c r="BX5" s="185"/>
      <c r="BY5" s="185"/>
      <c r="BZ5" s="185"/>
      <c r="CA5" s="185"/>
      <c r="CB5" s="185"/>
      <c r="CC5" s="185"/>
      <c r="CD5" s="171"/>
      <c r="CE5" s="172"/>
      <c r="CF5" s="212"/>
      <c r="CG5" s="135"/>
      <c r="CH5" s="137"/>
      <c r="CI5" s="137"/>
      <c r="CJ5" s="175"/>
      <c r="CK5" s="186"/>
      <c r="CL5" s="187"/>
      <c r="CM5" s="187"/>
      <c r="CN5" s="188"/>
      <c r="CO5" s="188"/>
      <c r="CP5" s="137"/>
      <c r="CQ5" s="76"/>
      <c r="CR5" s="76"/>
    </row>
    <row r="6" spans="1:96">
      <c r="L6" s="189"/>
      <c r="M6" s="189"/>
      <c r="AE6" s="144"/>
      <c r="BA6" s="148"/>
      <c r="CF6" s="189"/>
    </row>
    <row r="7" spans="1:96">
      <c r="A7" s="76" t="s">
        <v>225</v>
      </c>
      <c r="D7" s="152"/>
      <c r="L7" s="189"/>
      <c r="M7" s="189"/>
      <c r="AE7" s="144"/>
      <c r="AU7" s="191"/>
      <c r="CF7" s="189"/>
    </row>
    <row r="8" spans="1:96">
      <c r="A8" s="76" t="s">
        <v>230</v>
      </c>
      <c r="L8" s="189"/>
      <c r="M8" s="189"/>
      <c r="AE8" s="144"/>
      <c r="AU8" s="191"/>
      <c r="CF8" s="189"/>
    </row>
    <row r="9" spans="1:96">
      <c r="A9" s="76" t="s">
        <v>231</v>
      </c>
      <c r="L9" s="189"/>
      <c r="M9" s="189"/>
      <c r="AE9" s="144"/>
      <c r="AU9" s="191"/>
      <c r="CF9" s="189"/>
    </row>
    <row r="10" spans="1:96">
      <c r="A10" s="76" t="s">
        <v>232</v>
      </c>
      <c r="L10" s="189"/>
      <c r="M10" s="189"/>
      <c r="AU10" s="191"/>
      <c r="CF10" s="189"/>
    </row>
    <row r="11" spans="1:96">
      <c r="L11" s="189"/>
      <c r="M11" s="189"/>
      <c r="AU11" s="191"/>
      <c r="CF11" s="189"/>
    </row>
    <row r="12" spans="1:96">
      <c r="L12" s="189"/>
      <c r="M12" s="189"/>
      <c r="AU12" s="191"/>
      <c r="CF12" s="189"/>
    </row>
    <row r="13" spans="1:96">
      <c r="K13" s="189"/>
      <c r="L13" s="189"/>
      <c r="M13" s="189"/>
      <c r="AU13" s="191"/>
      <c r="BF13" s="76" t="s">
        <v>222</v>
      </c>
      <c r="CF13" s="189"/>
    </row>
    <row r="14" spans="1:96">
      <c r="K14" s="189"/>
      <c r="L14" s="189"/>
      <c r="M14" s="189"/>
      <c r="AU14" s="191"/>
      <c r="CF14" s="189"/>
    </row>
    <row r="15" spans="1:96">
      <c r="K15" s="189"/>
      <c r="L15" s="189"/>
      <c r="M15" s="189"/>
      <c r="AU15" s="191"/>
      <c r="CF15" s="189"/>
    </row>
    <row r="16" spans="1:96">
      <c r="K16" s="189"/>
      <c r="L16" s="189"/>
      <c r="M16" s="189"/>
      <c r="AU16" s="191"/>
      <c r="CF16" s="189"/>
    </row>
    <row r="17" spans="11:84">
      <c r="K17" s="189"/>
      <c r="L17" s="189"/>
      <c r="M17" s="189"/>
      <c r="AU17" s="191"/>
      <c r="CF17" s="189"/>
    </row>
    <row r="18" spans="11:84">
      <c r="K18" s="189"/>
      <c r="L18" s="189"/>
      <c r="M18" s="189"/>
      <c r="AU18" s="191"/>
      <c r="CF18" s="189"/>
    </row>
    <row r="19" spans="11:84">
      <c r="K19" s="189"/>
      <c r="L19" s="189"/>
      <c r="AU19" s="191"/>
      <c r="CF19" s="189"/>
    </row>
    <row r="20" spans="11:84">
      <c r="K20" s="189"/>
      <c r="L20" s="189"/>
      <c r="AU20" s="191"/>
      <c r="CF20" s="189"/>
    </row>
    <row r="21" spans="11:84">
      <c r="K21" s="189"/>
      <c r="L21" s="189"/>
      <c r="AU21" s="191"/>
      <c r="CF21" s="189"/>
    </row>
    <row r="22" spans="11:84">
      <c r="K22" s="189"/>
      <c r="L22" s="189"/>
      <c r="AU22" s="191"/>
      <c r="CF22" s="189"/>
    </row>
    <row r="23" spans="11:84">
      <c r="K23" s="189"/>
      <c r="L23" s="189"/>
      <c r="AU23" s="191"/>
      <c r="CF23" s="189"/>
    </row>
    <row r="24" spans="11:84">
      <c r="K24" s="189"/>
      <c r="L24" s="189"/>
      <c r="AU24" s="191"/>
      <c r="CF24" s="189"/>
    </row>
    <row r="25" spans="11:84">
      <c r="K25" s="189"/>
      <c r="L25" s="189"/>
      <c r="AU25" s="191"/>
      <c r="CF25" s="189"/>
    </row>
    <row r="26" spans="11:84">
      <c r="K26" s="189"/>
      <c r="L26" s="189"/>
      <c r="AU26" s="191"/>
      <c r="CF26" s="189"/>
    </row>
    <row r="27" spans="11:84">
      <c r="K27" s="189"/>
      <c r="L27" s="189"/>
      <c r="CF27" s="189"/>
    </row>
    <row r="28" spans="11:84">
      <c r="K28" s="189"/>
      <c r="L28" s="189"/>
      <c r="CF28" s="189"/>
    </row>
    <row r="29" spans="11:84">
      <c r="K29" s="189"/>
      <c r="L29" s="189"/>
      <c r="CF29" s="189"/>
    </row>
    <row r="30" spans="11:84">
      <c r="K30" s="189"/>
      <c r="L30" s="189"/>
      <c r="CF30" s="189"/>
    </row>
    <row r="31" spans="11:84">
      <c r="K31" s="189"/>
      <c r="L31" s="189"/>
      <c r="CF31" s="189"/>
    </row>
    <row r="32" spans="11:84">
      <c r="K32" s="189"/>
      <c r="L32" s="189"/>
      <c r="CF32" s="189"/>
    </row>
    <row r="33" spans="11:84">
      <c r="K33" s="189"/>
      <c r="L33" s="189"/>
      <c r="CF33" s="189"/>
    </row>
    <row r="34" spans="11:84">
      <c r="K34" s="189"/>
      <c r="L34" s="189"/>
      <c r="CF34" s="189"/>
    </row>
    <row r="35" spans="11:84">
      <c r="K35" s="189"/>
      <c r="L35" s="189"/>
      <c r="CF35" s="189"/>
    </row>
    <row r="36" spans="11:84">
      <c r="K36" s="189"/>
      <c r="L36" s="189"/>
      <c r="CF36" s="189"/>
    </row>
    <row r="37" spans="11:84">
      <c r="K37" s="189"/>
      <c r="L37" s="189"/>
      <c r="CF37" s="189"/>
    </row>
    <row r="38" spans="11:84">
      <c r="K38" s="189"/>
      <c r="L38" s="189"/>
      <c r="CF38" s="189"/>
    </row>
    <row r="39" spans="11:84">
      <c r="K39" s="189"/>
      <c r="L39" s="189"/>
    </row>
    <row r="40" spans="11:84">
      <c r="K40" s="189"/>
      <c r="L40" s="189"/>
    </row>
    <row r="41" spans="11:84">
      <c r="K41" s="189"/>
      <c r="L41" s="189"/>
    </row>
    <row r="42" spans="11:84">
      <c r="K42" s="189"/>
      <c r="L42" s="189"/>
    </row>
  </sheetData>
  <sheetProtection algorithmName="SHA-512" hashValue="5Fd8EpxSpdBVGPSyVd7IC9UNTI2CAracdnWSz+4rlFmqYXW/VffMe62W423+xYrlRZcSAhnUEnBDPnF1g3NKcg==" saltValue="cUX2h/8/a8T/exVLQOmTrg==" spinCount="100000" sheet="1" selectLockedCells="1"/>
  <dataConsolidate/>
  <mergeCells count="69">
    <mergeCell ref="M1:M3"/>
    <mergeCell ref="B1:B3"/>
    <mergeCell ref="C1:C3"/>
    <mergeCell ref="D1:D3"/>
    <mergeCell ref="E1:G2"/>
    <mergeCell ref="L1:L3"/>
    <mergeCell ref="AE1:AE3"/>
    <mergeCell ref="N1:P2"/>
    <mergeCell ref="Q1:Q3"/>
    <mergeCell ref="R1:R3"/>
    <mergeCell ref="S1:S3"/>
    <mergeCell ref="T1:T3"/>
    <mergeCell ref="U1:U3"/>
    <mergeCell ref="V1:W2"/>
    <mergeCell ref="X1:Y2"/>
    <mergeCell ref="Z1:AB2"/>
    <mergeCell ref="AC1:AC3"/>
    <mergeCell ref="AD1:AD3"/>
    <mergeCell ref="AU1:AU3"/>
    <mergeCell ref="AF1:AF3"/>
    <mergeCell ref="AG1:AI2"/>
    <mergeCell ref="AJ1:AL2"/>
    <mergeCell ref="AM1:AM3"/>
    <mergeCell ref="AN1:AN3"/>
    <mergeCell ref="AO1:AO3"/>
    <mergeCell ref="AP1:AP3"/>
    <mergeCell ref="AQ1:AQ3"/>
    <mergeCell ref="AR1:AR3"/>
    <mergeCell ref="AS1:AS3"/>
    <mergeCell ref="AT1:AT3"/>
    <mergeCell ref="BJ1:BR1"/>
    <mergeCell ref="BK2:BL2"/>
    <mergeCell ref="BM2:BM3"/>
    <mergeCell ref="BN2:BN3"/>
    <mergeCell ref="BO2:BO3"/>
    <mergeCell ref="AV1:AV3"/>
    <mergeCell ref="AW1:AY2"/>
    <mergeCell ref="AZ1:AZ3"/>
    <mergeCell ref="BA1:BF1"/>
    <mergeCell ref="BG1:BI1"/>
    <mergeCell ref="CK1:CK3"/>
    <mergeCell ref="CL1:CO2"/>
    <mergeCell ref="CP1:CP3"/>
    <mergeCell ref="I2:K2"/>
    <mergeCell ref="BA2:BC2"/>
    <mergeCell ref="BD2:BF2"/>
    <mergeCell ref="BG2:BG3"/>
    <mergeCell ref="BH2:BH3"/>
    <mergeCell ref="BI2:BI3"/>
    <mergeCell ref="BJ2:BJ3"/>
    <mergeCell ref="BS1:BS3"/>
    <mergeCell ref="BT1:BT3"/>
    <mergeCell ref="BU1:CC1"/>
    <mergeCell ref="CD1:CF1"/>
    <mergeCell ref="CG1:CI2"/>
    <mergeCell ref="CJ1:CJ3"/>
    <mergeCell ref="CB2:CB3"/>
    <mergeCell ref="CC2:CC3"/>
    <mergeCell ref="CD2:CF2"/>
    <mergeCell ref="BP2:BP3"/>
    <mergeCell ref="BQ2:BQ3"/>
    <mergeCell ref="BR2:BR3"/>
    <mergeCell ref="BU2:BU3"/>
    <mergeCell ref="BV2:BV3"/>
    <mergeCell ref="BW2:BW3"/>
    <mergeCell ref="BX2:BX3"/>
    <mergeCell ref="BY2:BY3"/>
    <mergeCell ref="BZ2:BZ3"/>
    <mergeCell ref="CA2:CA3"/>
  </mergeCells>
  <phoneticPr fontId="19"/>
  <dataValidations count="21">
    <dataValidation imeMode="off" allowBlank="1" showInputMessage="1" showErrorMessage="1" sqref="AV1 BL3 BK2:BK3 H3 AV6:AV68 AG6:AL68 BN6:BO68 B4:B68 Q6:S68 H6:H68 BK6:BL68 Q1:S1 AG1 AJ1 AG3:AL3 BN2:BO2 B1 A2:A3" xr:uid="{BA3E4DF9-B740-4EFA-8CD5-973CC80EEBC8}"/>
    <dataValidation imeMode="on" allowBlank="1" showInputMessage="1" showErrorMessage="1" sqref="BM2 AU1 AW1 D6:D11 D13:D68 BQ2:BR2 AZ6:AZ68 N6:O68 AU6:AU68 D1 L1 N1 N3:O3 AM1:AO1 AR1:AS1 CG1" xr:uid="{80E7B8F3-B973-48EA-868C-B2AF506BD354}"/>
    <dataValidation type="whole" operator="greaterThanOrEqual" allowBlank="1" showInputMessage="1" showErrorMessage="1" sqref="AE6:AE68 AE1" xr:uid="{5CB621E7-F575-4BD8-8627-53CAFAAE09A2}">
      <formula1>45000</formula1>
    </dataValidation>
    <dataValidation type="list" allowBlank="1" showInputMessage="1" showErrorMessage="1" sqref="AP4:AP5" xr:uid="{C08070D6-2C01-47B7-B181-1C3BCC74E84D}">
      <formula1>"有"</formula1>
    </dataValidation>
    <dataValidation type="list" allowBlank="1" showInputMessage="1" showErrorMessage="1" sqref="AF4:AF5" xr:uid="{8452614B-0868-4318-A801-591DBBC7C1E1}">
      <formula1>"無"</formula1>
    </dataValidation>
    <dataValidation type="list" allowBlank="1" showInputMessage="1" showErrorMessage="1" sqref="O4:O5" xr:uid="{1CD1EC83-21B7-458F-9339-35F332D3C15E}">
      <formula1>"逗子市,三浦市,伊勢原市,海老名市,座間市,南足柄市,綾瀬市,葉山町,寒川町,大磯町,二宮町,中井町,大井町,松田町,山北町,開成町,箱根町,真鶴町,湯河原町,愛川町,清川村"</formula1>
    </dataValidation>
    <dataValidation type="list" allowBlank="1" showInputMessage="1" showErrorMessage="1" sqref="N4:N5" xr:uid="{B10C94D1-6CFF-4CDB-B5E5-CB35E94F24ED}">
      <formula1>"中郡,高座郡,三浦郡,足柄上郡,足柄下郡,愛甲郡"</formula1>
    </dataValidation>
    <dataValidation type="list" allowBlank="1" showInputMessage="1" showErrorMessage="1" sqref="CG8:CJ68 AW6:AY68" xr:uid="{6803818F-5B06-4E20-BE01-BEDB0D83DC4B}">
      <formula1>#REF!</formula1>
    </dataValidation>
    <dataValidation type="custom" allowBlank="1" showInputMessage="1" showErrorMessage="1" sqref="C4:C1048576 C1" xr:uid="{40D55425-AAAE-469E-8849-85DCBB7E9FF4}">
      <formula1>COUNTIF(C:C,C1)=1</formula1>
    </dataValidation>
    <dataValidation type="list" allowBlank="1" showInputMessage="1" showErrorMessage="1" sqref="M5" xr:uid="{CC0AF165-7CF2-4884-B2C7-C86A98D1497D}">
      <formula1>"法第5条第1項,法第5条第3項"</formula1>
    </dataValidation>
    <dataValidation type="list" allowBlank="1" showInputMessage="1" showErrorMessage="1" sqref="P11" xr:uid="{B8E6795E-812F-404B-BAAB-DF88495B5495}">
      <formula1>$Q$4:$R$4</formula1>
    </dataValidation>
    <dataValidation type="list" allowBlank="1" showInputMessage="1" showErrorMessage="1" sqref="BT5" xr:uid="{0B2CFD41-764C-4EF4-943F-481CE895A402}">
      <formula1>"住宅性能評価書活用（長期確認有）,確認書活用"</formula1>
    </dataValidation>
    <dataValidation type="list" allowBlank="1" showInputMessage="1" showErrorMessage="1" sqref="AC5" xr:uid="{4323AD5F-8FBC-435F-BC18-150F4D7089E3}">
      <formula1>$AC$4</formula1>
    </dataValidation>
    <dataValidation type="list" allowBlank="1" showInputMessage="1" showErrorMessage="1" sqref="AV5" xr:uid="{CAA411DD-B8C1-476A-B6CE-0E734BE18A1D}">
      <formula1>$AV$4</formula1>
    </dataValidation>
    <dataValidation type="list" allowBlank="1" showInputMessage="1" showErrorMessage="1" sqref="AW5" xr:uid="{92A21AF9-BB6A-4065-A6A9-0FF5F9F1C2FE}">
      <formula1>"①区域外,②区域内、建築制限条例対象,③証明書添付,④届出のみ"</formula1>
    </dataValidation>
    <dataValidation type="list" allowBlank="1" showInputMessage="1" showErrorMessage="1" sqref="AX5" xr:uid="{A8F21E9C-F3AD-405D-BD5A-41D94BEF397B}">
      <formula1>"①区域外,②区域内、対象外,③証明書添付,④届出のみ"</formula1>
    </dataValidation>
    <dataValidation type="list" allowBlank="1" showInputMessage="1" showErrorMessage="1" sqref="AY5" xr:uid="{C546256C-0717-4509-8654-2AC9E1A31A7D}">
      <formula1>"①区域外,②事業完了地,③76条許可証+仮換地通知書等,④大都市法7条2項許可"</formula1>
    </dataValidation>
    <dataValidation type="list" allowBlank="1" showInputMessage="1" showErrorMessage="1" sqref="AZ5" xr:uid="{AF22C8FF-6AB3-480E-B88F-A5919A2AAA41}">
      <formula1>"①市街化区域,②市街化調整区域"</formula1>
    </dataValidation>
    <dataValidation type="list" allowBlank="1" showInputMessage="1" showErrorMessage="1" sqref="CG5 CH5 CI5" xr:uid="{BEE3D177-A46B-4921-871E-F7B74031A37B}">
      <formula1>"①区域外,②区域内"</formula1>
    </dataValidation>
    <dataValidation type="list" showInputMessage="1" showErrorMessage="1" sqref="AB5" xr:uid="{5260FAF7-2C9B-49ED-B9D2-B624D7E7AE2C}">
      <formula1>"木造,S造,RC造,SRC造,CB造,　　　"</formula1>
    </dataValidation>
    <dataValidation type="list" allowBlank="1" showInputMessage="1" showErrorMessage="1" sqref="Z5" xr:uid="{D7990073-5587-40E3-9722-C7C89E0F8731}">
      <formula1>"木造,S造,RC造,SRC造,CB造,"</formula1>
    </dataValidation>
  </dataValidations>
  <printOptions horizontalCentered="1" verticalCentered="1"/>
  <pageMargins left="0" right="0.70866141732283472" top="0.74803149606299213" bottom="0.74803149606299213" header="0.31496062992125984" footer="0.31496062992125984"/>
  <pageSetup paperSize="9" scale="51" orientation="landscape" r:id="rId1"/>
  <headerFooter alignWithMargins="0"/>
  <rowBreaks count="1" manualBreakCount="1">
    <brk id="12" max="16383" man="1"/>
  </rowBreaks>
  <colBreaks count="2" manualBreakCount="2">
    <brk id="19" max="11" man="1"/>
    <brk id="41" max="11" man="1"/>
  </colBreaks>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BE43"/>
  <sheetViews>
    <sheetView showGridLines="0" view="pageLayout" zoomScaleNormal="100" zoomScaleSheetLayoutView="100" workbookViewId="0">
      <selection activeCell="D15" sqref="D15"/>
    </sheetView>
  </sheetViews>
  <sheetFormatPr defaultColWidth="9" defaultRowHeight="13.2"/>
  <cols>
    <col min="1" max="1" width="3" style="28" customWidth="1"/>
    <col min="2" max="12" width="3.19921875" style="28" customWidth="1"/>
    <col min="13" max="13" width="0.5" style="28" customWidth="1"/>
    <col min="14" max="14" width="2.69921875" style="28" customWidth="1"/>
    <col min="15" max="36" width="3.19921875" style="28" customWidth="1"/>
    <col min="37" max="16384" width="9" style="28"/>
  </cols>
  <sheetData>
    <row r="1" spans="1:54" ht="17.25" customHeight="1">
      <c r="A1" s="27" t="s">
        <v>0</v>
      </c>
    </row>
    <row r="2" spans="1:54" ht="17.25" customHeight="1">
      <c r="A2" s="29"/>
    </row>
    <row r="3" spans="1:54" ht="17.25" customHeight="1">
      <c r="A3" s="296" t="s">
        <v>1</v>
      </c>
      <c r="B3" s="296"/>
      <c r="C3" s="296"/>
      <c r="D3" s="296"/>
      <c r="E3" s="296"/>
      <c r="F3" s="296"/>
      <c r="G3" s="296"/>
      <c r="H3" s="296"/>
      <c r="I3" s="296"/>
      <c r="J3" s="296"/>
      <c r="K3" s="296"/>
      <c r="L3" s="296"/>
      <c r="M3" s="296"/>
      <c r="N3" s="296"/>
      <c r="O3" s="296"/>
      <c r="P3" s="296"/>
      <c r="Q3" s="296"/>
      <c r="R3" s="296"/>
      <c r="S3" s="296"/>
      <c r="T3" s="296"/>
      <c r="U3" s="296"/>
      <c r="V3" s="296"/>
      <c r="W3" s="296"/>
      <c r="X3" s="296"/>
      <c r="Y3" s="296"/>
      <c r="BB3" s="30" t="s">
        <v>74</v>
      </c>
    </row>
    <row r="4" spans="1:54" ht="17.25" customHeight="1">
      <c r="A4" s="31"/>
      <c r="BB4" s="30" t="s">
        <v>75</v>
      </c>
    </row>
    <row r="5" spans="1:54" ht="17.25" customHeight="1">
      <c r="A5" s="297" t="s">
        <v>2</v>
      </c>
      <c r="B5" s="297"/>
      <c r="C5" s="297"/>
      <c r="D5" s="297"/>
      <c r="E5" s="297"/>
      <c r="F5" s="297"/>
      <c r="G5" s="297"/>
      <c r="H5" s="297"/>
      <c r="I5" s="297"/>
      <c r="J5" s="297"/>
      <c r="K5" s="297"/>
      <c r="L5" s="297"/>
      <c r="M5" s="297"/>
      <c r="N5" s="297"/>
      <c r="O5" s="297"/>
      <c r="P5" s="297"/>
      <c r="Q5" s="297"/>
      <c r="R5" s="297"/>
      <c r="S5" s="297"/>
      <c r="T5" s="297"/>
      <c r="U5" s="297"/>
      <c r="V5" s="297"/>
      <c r="W5" s="297"/>
      <c r="X5" s="297"/>
      <c r="Y5" s="297"/>
    </row>
    <row r="6" spans="1:54" ht="17.25" customHeight="1">
      <c r="A6" s="296" t="s">
        <v>76</v>
      </c>
      <c r="B6" s="296"/>
      <c r="C6" s="296"/>
      <c r="D6" s="296"/>
      <c r="E6" s="296"/>
      <c r="F6" s="296"/>
      <c r="G6" s="296"/>
      <c r="H6" s="296"/>
      <c r="I6" s="296"/>
      <c r="J6" s="296"/>
      <c r="K6" s="296"/>
      <c r="L6" s="296"/>
      <c r="M6" s="296"/>
      <c r="N6" s="296"/>
      <c r="O6" s="296"/>
      <c r="P6" s="296"/>
      <c r="Q6" s="296"/>
      <c r="R6" s="296"/>
      <c r="S6" s="296"/>
      <c r="T6" s="296"/>
      <c r="U6" s="296"/>
      <c r="V6" s="296"/>
      <c r="W6" s="296"/>
      <c r="X6" s="296"/>
      <c r="Y6" s="27"/>
    </row>
    <row r="7" spans="1:54" ht="17.25" customHeight="1">
      <c r="A7" s="27"/>
      <c r="B7" s="27"/>
      <c r="C7" s="27"/>
      <c r="D7" s="27"/>
      <c r="E7" s="27"/>
      <c r="F7" s="27"/>
      <c r="G7" s="27"/>
      <c r="H7" s="27"/>
      <c r="I7" s="27"/>
      <c r="J7" s="27"/>
      <c r="K7" s="27"/>
      <c r="L7" s="27"/>
      <c r="M7" s="27"/>
      <c r="N7" s="27"/>
      <c r="O7" s="27"/>
      <c r="P7" s="27"/>
      <c r="Q7" s="27"/>
      <c r="R7" s="27"/>
      <c r="S7" s="298">
        <f>入力シート!E5</f>
        <v>0</v>
      </c>
      <c r="T7" s="298"/>
      <c r="U7" s="27" t="s">
        <v>21</v>
      </c>
      <c r="V7" s="154">
        <f>入力シート!F5</f>
        <v>0</v>
      </c>
      <c r="W7" s="27" t="s">
        <v>20</v>
      </c>
      <c r="X7" s="154">
        <f>入力シート!G5</f>
        <v>0</v>
      </c>
      <c r="Y7" s="27" t="s">
        <v>19</v>
      </c>
    </row>
    <row r="8" spans="1:54" ht="17.25" customHeight="1">
      <c r="A8" s="29"/>
    </row>
    <row r="9" spans="1:54" ht="17.25" customHeight="1">
      <c r="A9" s="32" t="s">
        <v>115</v>
      </c>
      <c r="B9" s="33"/>
      <c r="C9" s="33"/>
      <c r="D9" s="33"/>
      <c r="E9" s="33"/>
      <c r="G9" s="28" t="s">
        <v>84</v>
      </c>
    </row>
    <row r="10" spans="1:54" ht="17.25" customHeight="1">
      <c r="A10" s="29"/>
    </row>
    <row r="11" spans="1:54" ht="17.25" customHeight="1">
      <c r="A11" s="29"/>
      <c r="G11" s="34"/>
      <c r="H11" s="34"/>
      <c r="I11" s="34"/>
      <c r="J11" s="34"/>
      <c r="K11" s="34"/>
      <c r="L11" s="34"/>
      <c r="M11" s="34"/>
      <c r="N11" s="34"/>
    </row>
    <row r="12" spans="1:54" ht="17.25" customHeight="1">
      <c r="B12" s="35"/>
      <c r="C12" s="35"/>
      <c r="D12" s="35"/>
      <c r="E12" s="34"/>
      <c r="F12" s="34"/>
      <c r="G12" s="34"/>
      <c r="H12" s="35" t="s">
        <v>66</v>
      </c>
      <c r="I12" s="34"/>
      <c r="J12" s="34"/>
      <c r="K12" s="34"/>
      <c r="L12" s="34"/>
      <c r="M12" s="34"/>
      <c r="N12" s="299">
        <f>入力シート!L5</f>
        <v>0</v>
      </c>
      <c r="O12" s="299"/>
      <c r="P12" s="299"/>
      <c r="Q12" s="299"/>
      <c r="R12" s="299"/>
      <c r="S12" s="299"/>
      <c r="T12" s="299"/>
      <c r="U12" s="299"/>
      <c r="V12" s="299"/>
      <c r="W12" s="299"/>
      <c r="X12" s="299"/>
      <c r="Y12" s="299"/>
    </row>
    <row r="13" spans="1:54" ht="17.25" customHeight="1">
      <c r="B13" s="35"/>
      <c r="C13" s="35"/>
      <c r="D13" s="35"/>
      <c r="E13" s="34"/>
      <c r="F13" s="34"/>
      <c r="G13" s="34"/>
      <c r="H13" s="35" t="s">
        <v>67</v>
      </c>
      <c r="I13" s="34"/>
      <c r="J13" s="34"/>
      <c r="K13" s="34"/>
      <c r="L13" s="34"/>
      <c r="M13" s="34"/>
      <c r="N13" s="299"/>
      <c r="O13" s="299"/>
      <c r="P13" s="299"/>
      <c r="Q13" s="299"/>
      <c r="R13" s="299"/>
      <c r="S13" s="299"/>
      <c r="T13" s="299"/>
      <c r="U13" s="299"/>
      <c r="V13" s="299"/>
      <c r="W13" s="299"/>
      <c r="X13" s="299"/>
      <c r="Y13" s="299"/>
    </row>
    <row r="14" spans="1:54" ht="10.5" customHeight="1">
      <c r="A14" s="35"/>
      <c r="B14" s="35"/>
      <c r="C14" s="35"/>
      <c r="D14" s="35"/>
      <c r="E14" s="34"/>
      <c r="F14" s="34"/>
      <c r="G14" s="34"/>
      <c r="H14" s="34"/>
      <c r="I14" s="34"/>
      <c r="J14" s="34"/>
      <c r="K14" s="34"/>
      <c r="L14" s="34"/>
      <c r="M14" s="34"/>
      <c r="N14" s="34"/>
      <c r="O14" s="36"/>
      <c r="P14" s="36"/>
      <c r="Q14" s="36"/>
      <c r="R14" s="36"/>
      <c r="S14" s="36"/>
      <c r="T14" s="36"/>
      <c r="U14" s="36"/>
      <c r="V14" s="36"/>
      <c r="W14" s="36"/>
      <c r="X14" s="36"/>
      <c r="Y14" s="36"/>
    </row>
    <row r="15" spans="1:54" ht="17.25" customHeight="1">
      <c r="B15" s="35"/>
      <c r="C15" s="35"/>
      <c r="D15" s="35"/>
      <c r="E15" s="34"/>
      <c r="F15" s="34"/>
      <c r="G15" s="34"/>
      <c r="H15" s="35" t="s">
        <v>64</v>
      </c>
      <c r="I15" s="34"/>
      <c r="J15" s="34"/>
      <c r="K15" s="34"/>
      <c r="L15" s="34"/>
      <c r="M15" s="34"/>
      <c r="N15" s="301">
        <f>入力シート!D5</f>
        <v>0</v>
      </c>
      <c r="O15" s="301"/>
      <c r="P15" s="301"/>
      <c r="Q15" s="301"/>
      <c r="R15" s="301"/>
      <c r="S15" s="301"/>
      <c r="T15" s="301"/>
      <c r="U15" s="301"/>
      <c r="V15" s="301"/>
      <c r="W15" s="301"/>
      <c r="X15" s="301"/>
      <c r="Y15" s="301"/>
    </row>
    <row r="16" spans="1:54" ht="17.25" customHeight="1">
      <c r="B16" s="35"/>
      <c r="C16" s="35"/>
      <c r="D16" s="35"/>
      <c r="E16" s="34"/>
      <c r="F16" s="34"/>
      <c r="G16" s="34"/>
      <c r="H16" s="35" t="s">
        <v>65</v>
      </c>
      <c r="I16" s="34"/>
      <c r="J16" s="34"/>
      <c r="K16" s="34"/>
      <c r="L16" s="34"/>
      <c r="M16" s="34"/>
      <c r="N16" s="301"/>
      <c r="O16" s="301"/>
      <c r="P16" s="301"/>
      <c r="Q16" s="301"/>
      <c r="R16" s="301"/>
      <c r="S16" s="301"/>
      <c r="T16" s="301"/>
      <c r="U16" s="301"/>
      <c r="V16" s="301"/>
      <c r="W16" s="301"/>
      <c r="X16" s="301"/>
      <c r="Y16" s="301"/>
    </row>
    <row r="17" spans="1:57" ht="17.25" customHeight="1">
      <c r="A17" s="29"/>
    </row>
    <row r="18" spans="1:57" ht="17.25" customHeight="1">
      <c r="A18" s="27"/>
      <c r="B18" s="27"/>
      <c r="C18" s="27"/>
      <c r="D18" s="27"/>
    </row>
    <row r="19" spans="1:57" s="37" customFormat="1" ht="17.25" customHeight="1">
      <c r="A19" s="3" t="s">
        <v>226</v>
      </c>
      <c r="B19" s="3"/>
      <c r="C19" s="3"/>
      <c r="D19" s="3"/>
      <c r="E19"/>
      <c r="F19"/>
      <c r="G19"/>
      <c r="H19"/>
      <c r="I19"/>
      <c r="J19"/>
      <c r="K19"/>
      <c r="L19"/>
      <c r="M19"/>
      <c r="N19"/>
      <c r="O19"/>
      <c r="P19"/>
      <c r="Q19"/>
      <c r="R19"/>
      <c r="S19"/>
      <c r="T19"/>
      <c r="U19"/>
      <c r="V19"/>
      <c r="W19"/>
      <c r="X19"/>
      <c r="BE19" s="37" t="s">
        <v>22</v>
      </c>
    </row>
    <row r="20" spans="1:57" s="37" customFormat="1" ht="17.25" customHeight="1">
      <c r="A20" s="3" t="s">
        <v>228</v>
      </c>
      <c r="B20" s="3"/>
      <c r="C20" s="3"/>
      <c r="D20" s="3"/>
      <c r="E20" s="3"/>
      <c r="F20"/>
      <c r="G20"/>
      <c r="H20"/>
      <c r="I20"/>
      <c r="J20"/>
      <c r="K20"/>
      <c r="L20"/>
      <c r="M20" s="302" t="str">
        <f>RIGHT(入力シート!M5,3)</f>
        <v>第3項</v>
      </c>
      <c r="N20" s="302"/>
      <c r="O20" s="302"/>
      <c r="P20" s="165" t="s">
        <v>227</v>
      </c>
      <c r="Q20"/>
      <c r="R20"/>
      <c r="S20"/>
      <c r="T20"/>
      <c r="U20"/>
      <c r="V20"/>
      <c r="W20"/>
      <c r="X20"/>
    </row>
    <row r="21" spans="1:57" s="37" customFormat="1" ht="17.25" customHeight="1">
      <c r="A21" s="3"/>
      <c r="B21" s="3"/>
      <c r="C21" s="3"/>
      <c r="D21" s="3"/>
      <c r="E21"/>
      <c r="F21"/>
      <c r="G21"/>
      <c r="H21"/>
      <c r="I21"/>
      <c r="J21"/>
      <c r="K21"/>
      <c r="L21"/>
      <c r="M21"/>
      <c r="N21"/>
      <c r="O21"/>
      <c r="P21"/>
      <c r="Q21"/>
      <c r="R21"/>
      <c r="S21"/>
      <c r="T21"/>
      <c r="U21"/>
      <c r="V21"/>
      <c r="W21"/>
      <c r="X21"/>
    </row>
    <row r="22" spans="1:57" s="75" customFormat="1" ht="17.25" customHeight="1">
      <c r="A22" s="73" t="s">
        <v>63</v>
      </c>
      <c r="BE22" s="75" t="s">
        <v>77</v>
      </c>
    </row>
    <row r="23" spans="1:57" s="37" customFormat="1" ht="17.25" customHeight="1">
      <c r="A23" s="41"/>
    </row>
    <row r="24" spans="1:57" s="37" customFormat="1" ht="17.25" customHeight="1">
      <c r="A24" s="37" t="s">
        <v>3</v>
      </c>
    </row>
    <row r="25" spans="1:57" s="37" customFormat="1" ht="18" customHeight="1">
      <c r="B25" s="277" t="s">
        <v>44</v>
      </c>
      <c r="C25" s="278"/>
      <c r="D25" s="278"/>
      <c r="E25" s="278"/>
      <c r="F25" s="278"/>
      <c r="G25" s="278"/>
      <c r="H25" s="300"/>
      <c r="I25" s="278" t="s">
        <v>45</v>
      </c>
      <c r="J25" s="278"/>
      <c r="K25" s="278"/>
      <c r="L25" s="278"/>
      <c r="M25" s="278"/>
      <c r="N25" s="278"/>
      <c r="O25" s="278"/>
      <c r="P25" s="300"/>
      <c r="Q25" s="277" t="s">
        <v>68</v>
      </c>
      <c r="R25" s="278"/>
      <c r="S25" s="278"/>
      <c r="T25" s="278"/>
      <c r="U25" s="278"/>
      <c r="V25" s="278"/>
      <c r="W25" s="278"/>
      <c r="X25" s="300"/>
    </row>
    <row r="26" spans="1:57" s="37" customFormat="1" ht="18" customHeight="1">
      <c r="B26" s="277"/>
      <c r="C26" s="278"/>
      <c r="D26" s="42" t="s">
        <v>48</v>
      </c>
      <c r="E26" s="42"/>
      <c r="F26" s="42" t="s">
        <v>47</v>
      </c>
      <c r="G26" s="42"/>
      <c r="H26" s="43" t="s">
        <v>46</v>
      </c>
      <c r="I26" s="278"/>
      <c r="J26" s="278"/>
      <c r="K26" s="42" t="s">
        <v>48</v>
      </c>
      <c r="L26" s="42"/>
      <c r="M26" s="42"/>
      <c r="N26" s="42" t="s">
        <v>47</v>
      </c>
      <c r="O26" s="42"/>
      <c r="P26" s="43" t="s">
        <v>46</v>
      </c>
      <c r="Q26" s="279"/>
      <c r="R26" s="280"/>
      <c r="S26" s="280"/>
      <c r="T26" s="280"/>
      <c r="U26" s="280"/>
      <c r="V26" s="280"/>
      <c r="W26" s="280"/>
      <c r="X26" s="281"/>
    </row>
    <row r="27" spans="1:57" s="37" customFormat="1" ht="18" customHeight="1">
      <c r="B27" s="44" t="s">
        <v>85</v>
      </c>
      <c r="C27" s="286"/>
      <c r="D27" s="286"/>
      <c r="E27" s="286"/>
      <c r="F27" s="286"/>
      <c r="G27" s="286"/>
      <c r="H27" s="45" t="s">
        <v>49</v>
      </c>
      <c r="I27" s="46" t="s">
        <v>85</v>
      </c>
      <c r="J27" s="286"/>
      <c r="K27" s="286"/>
      <c r="L27" s="286"/>
      <c r="M27" s="286"/>
      <c r="N27" s="286"/>
      <c r="O27" s="286"/>
      <c r="P27" s="45" t="s">
        <v>49</v>
      </c>
      <c r="Q27" s="282"/>
      <c r="R27" s="283"/>
      <c r="S27" s="283"/>
      <c r="T27" s="283"/>
      <c r="U27" s="283"/>
      <c r="V27" s="283"/>
      <c r="W27" s="283"/>
      <c r="X27" s="284"/>
    </row>
    <row r="28" spans="1:57" s="37" customFormat="1" ht="18" customHeight="1">
      <c r="B28" s="288" t="s">
        <v>86</v>
      </c>
      <c r="C28" s="289"/>
      <c r="D28" s="289"/>
      <c r="E28" s="280"/>
      <c r="F28" s="280"/>
      <c r="G28" s="280"/>
      <c r="H28" s="281"/>
      <c r="I28" s="292" t="s">
        <v>50</v>
      </c>
      <c r="J28" s="293"/>
      <c r="K28" s="293"/>
      <c r="L28" s="280"/>
      <c r="M28" s="280"/>
      <c r="N28" s="280"/>
      <c r="O28" s="280"/>
      <c r="P28" s="281"/>
      <c r="Q28" s="282"/>
      <c r="R28" s="283"/>
      <c r="S28" s="283"/>
      <c r="T28" s="283"/>
      <c r="U28" s="283"/>
      <c r="V28" s="283"/>
      <c r="W28" s="283"/>
      <c r="X28" s="284"/>
    </row>
    <row r="29" spans="1:57" s="37" customFormat="1" ht="18" customHeight="1">
      <c r="B29" s="290"/>
      <c r="C29" s="291"/>
      <c r="D29" s="291"/>
      <c r="E29" s="286"/>
      <c r="F29" s="286"/>
      <c r="G29" s="286"/>
      <c r="H29" s="287"/>
      <c r="I29" s="294"/>
      <c r="J29" s="295"/>
      <c r="K29" s="295"/>
      <c r="L29" s="286"/>
      <c r="M29" s="286"/>
      <c r="N29" s="286"/>
      <c r="O29" s="286"/>
      <c r="P29" s="287"/>
      <c r="Q29" s="285"/>
      <c r="R29" s="286"/>
      <c r="S29" s="286"/>
      <c r="T29" s="286"/>
      <c r="U29" s="286"/>
      <c r="V29" s="286"/>
      <c r="W29" s="286"/>
      <c r="X29" s="287"/>
    </row>
    <row r="30" spans="1:57" s="37" customFormat="1" ht="17.25" customHeight="1">
      <c r="A30" s="41"/>
    </row>
    <row r="31" spans="1:57" s="37" customFormat="1" ht="17.25" customHeight="1">
      <c r="A31" s="275" t="s">
        <v>4</v>
      </c>
      <c r="B31" s="276"/>
      <c r="C31" s="276"/>
    </row>
    <row r="32" spans="1:57" s="38" customFormat="1" ht="17.25" customHeight="1">
      <c r="A32" s="37" t="s">
        <v>61</v>
      </c>
      <c r="B32" s="37"/>
      <c r="C32" s="37"/>
      <c r="D32" s="37"/>
      <c r="E32" s="37"/>
      <c r="F32" s="37"/>
      <c r="G32" s="37"/>
      <c r="H32" s="37"/>
      <c r="I32" s="37"/>
      <c r="J32" s="37"/>
      <c r="K32" s="37"/>
      <c r="L32" s="37"/>
      <c r="M32" s="37"/>
      <c r="N32" s="37"/>
      <c r="O32" s="37"/>
      <c r="P32" s="37"/>
      <c r="Q32" s="37"/>
      <c r="R32" s="37"/>
      <c r="S32" s="37"/>
      <c r="T32" s="37"/>
      <c r="U32" s="37"/>
      <c r="V32" s="37"/>
      <c r="W32" s="37"/>
      <c r="X32" s="37"/>
      <c r="Y32" s="37"/>
    </row>
    <row r="33" spans="1:28" s="38" customFormat="1" ht="17.25" customHeight="1">
      <c r="A33" s="38" t="s">
        <v>81</v>
      </c>
    </row>
    <row r="34" spans="1:28" s="38" customFormat="1" ht="17.25" customHeight="1">
      <c r="A34" s="37" t="s">
        <v>87</v>
      </c>
      <c r="B34" s="37"/>
      <c r="C34" s="37"/>
      <c r="D34" s="37"/>
      <c r="E34" s="37"/>
      <c r="F34" s="37"/>
      <c r="G34" s="37"/>
      <c r="H34" s="37"/>
      <c r="I34" s="37"/>
      <c r="J34" s="37"/>
      <c r="K34" s="37"/>
      <c r="L34" s="37"/>
      <c r="M34" s="37"/>
      <c r="N34" s="37"/>
      <c r="O34" s="37"/>
      <c r="P34" s="37"/>
      <c r="Q34" s="37"/>
      <c r="R34" s="37"/>
      <c r="S34" s="37"/>
      <c r="T34" s="37"/>
      <c r="U34" s="37"/>
      <c r="V34" s="37"/>
      <c r="W34" s="37"/>
      <c r="X34" s="37"/>
      <c r="Y34" s="37"/>
    </row>
    <row r="35" spans="1:28" s="38" customFormat="1" ht="17.25" customHeight="1">
      <c r="A35" s="38" t="s">
        <v>83</v>
      </c>
    </row>
    <row r="36" spans="1:28" s="38" customFormat="1" ht="17.25" customHeight="1">
      <c r="A36" s="37" t="s">
        <v>88</v>
      </c>
      <c r="B36" s="39"/>
      <c r="C36" s="39"/>
      <c r="D36" s="39"/>
      <c r="E36" s="39"/>
      <c r="F36" s="39"/>
      <c r="G36" s="39"/>
      <c r="H36" s="39"/>
      <c r="I36" s="39"/>
      <c r="J36" s="39"/>
      <c r="K36" s="39"/>
      <c r="L36" s="39"/>
      <c r="M36" s="39"/>
      <c r="N36" s="39"/>
      <c r="O36" s="39"/>
      <c r="P36" s="39"/>
      <c r="Q36" s="39"/>
      <c r="R36" s="39"/>
      <c r="S36" s="39"/>
      <c r="T36" s="39"/>
      <c r="U36" s="39"/>
      <c r="V36" s="39"/>
      <c r="W36" s="39"/>
      <c r="X36" s="39"/>
      <c r="Y36" s="39"/>
    </row>
    <row r="37" spans="1:28" s="38" customFormat="1" ht="17.25" customHeight="1">
      <c r="A37" s="38" t="s">
        <v>82</v>
      </c>
      <c r="B37" s="40"/>
      <c r="C37" s="40"/>
      <c r="D37" s="40"/>
      <c r="E37" s="40"/>
      <c r="F37" s="40"/>
      <c r="G37" s="40"/>
      <c r="H37" s="40"/>
      <c r="I37" s="40"/>
      <c r="J37" s="40"/>
      <c r="K37" s="40"/>
      <c r="L37" s="40"/>
      <c r="M37" s="40"/>
      <c r="N37" s="40"/>
      <c r="O37" s="40"/>
      <c r="P37" s="40"/>
      <c r="Q37" s="40"/>
      <c r="R37" s="40"/>
      <c r="S37" s="40"/>
      <c r="T37" s="40"/>
      <c r="U37" s="40"/>
      <c r="V37" s="40"/>
      <c r="W37" s="40"/>
      <c r="X37" s="40"/>
      <c r="Y37" s="40"/>
    </row>
    <row r="38" spans="1:28" s="38" customFormat="1" ht="17.25" customHeight="1">
      <c r="A38" s="37" t="s">
        <v>62</v>
      </c>
      <c r="B38" s="37"/>
      <c r="C38" s="37"/>
      <c r="D38" s="37"/>
      <c r="E38" s="37"/>
      <c r="F38" s="37"/>
      <c r="G38" s="37"/>
      <c r="H38" s="37"/>
      <c r="I38" s="37"/>
      <c r="J38" s="37"/>
      <c r="K38" s="37"/>
      <c r="L38" s="37"/>
      <c r="M38" s="37"/>
      <c r="N38" s="37"/>
      <c r="O38" s="37"/>
      <c r="P38" s="37"/>
      <c r="Q38" s="37"/>
      <c r="R38" s="37"/>
      <c r="S38" s="37"/>
      <c r="T38" s="37"/>
      <c r="U38" s="37"/>
      <c r="V38" s="37"/>
      <c r="W38" s="37"/>
      <c r="X38" s="37"/>
      <c r="Y38" s="37"/>
      <c r="Z38" s="37"/>
      <c r="AA38" s="37"/>
      <c r="AB38" s="37"/>
    </row>
    <row r="39" spans="1:28" s="38" customFormat="1" ht="17.25" customHeight="1">
      <c r="A39" s="37"/>
      <c r="B39" s="274"/>
      <c r="C39" s="274"/>
      <c r="D39" s="274"/>
      <c r="E39" s="274"/>
      <c r="F39" s="274"/>
      <c r="G39" s="274"/>
      <c r="H39" s="274"/>
      <c r="I39" s="274"/>
      <c r="J39" s="274"/>
      <c r="K39" s="274"/>
      <c r="L39" s="274"/>
      <c r="M39" s="274"/>
      <c r="N39" s="274"/>
      <c r="O39" s="274"/>
      <c r="P39" s="274"/>
      <c r="Q39" s="274"/>
      <c r="R39" s="274"/>
      <c r="S39" s="274"/>
      <c r="T39" s="274"/>
      <c r="U39" s="274"/>
      <c r="V39" s="274"/>
      <c r="W39" s="274"/>
      <c r="X39" s="274"/>
      <c r="Y39" s="274"/>
      <c r="Z39" s="274"/>
      <c r="AA39" s="274"/>
      <c r="AB39" s="274"/>
    </row>
    <row r="40" spans="1:28" s="38" customFormat="1" ht="17.25" customHeight="1">
      <c r="B40" s="274"/>
      <c r="C40" s="274"/>
      <c r="D40" s="274"/>
      <c r="E40" s="274"/>
      <c r="F40" s="274"/>
      <c r="G40" s="274"/>
      <c r="H40" s="274"/>
      <c r="I40" s="274"/>
      <c r="J40" s="274"/>
      <c r="K40" s="274"/>
      <c r="L40" s="274"/>
      <c r="M40" s="274"/>
      <c r="N40" s="274"/>
      <c r="O40" s="274"/>
      <c r="P40" s="274"/>
      <c r="Q40" s="274"/>
      <c r="R40" s="274"/>
      <c r="S40" s="274"/>
      <c r="T40" s="274"/>
      <c r="U40" s="274"/>
      <c r="V40" s="274"/>
      <c r="W40" s="274"/>
      <c r="X40" s="274"/>
      <c r="Y40" s="274"/>
      <c r="Z40" s="274"/>
      <c r="AA40" s="274"/>
      <c r="AB40" s="274"/>
    </row>
    <row r="41" spans="1:28" s="37" customFormat="1" ht="17.25" customHeight="1">
      <c r="B41" s="274"/>
      <c r="C41" s="274"/>
      <c r="D41" s="274"/>
      <c r="E41" s="274"/>
      <c r="F41" s="274"/>
      <c r="G41" s="274"/>
      <c r="H41" s="274"/>
      <c r="I41" s="274"/>
      <c r="J41" s="274"/>
      <c r="K41" s="274"/>
      <c r="L41" s="274"/>
      <c r="M41" s="274"/>
      <c r="N41" s="274"/>
      <c r="O41" s="274"/>
      <c r="P41" s="274"/>
      <c r="Q41" s="274"/>
      <c r="R41" s="274"/>
      <c r="S41" s="274"/>
      <c r="T41" s="274"/>
      <c r="U41" s="274"/>
      <c r="V41" s="274"/>
      <c r="W41" s="274"/>
      <c r="X41" s="274"/>
      <c r="Y41" s="274"/>
      <c r="Z41" s="274"/>
      <c r="AA41" s="274"/>
      <c r="AB41" s="274"/>
    </row>
    <row r="42" spans="1:28" ht="17.25" customHeight="1">
      <c r="A42" s="38"/>
      <c r="B42" s="274"/>
      <c r="C42" s="274"/>
      <c r="D42" s="274"/>
      <c r="E42" s="274"/>
      <c r="F42" s="274"/>
      <c r="G42" s="274"/>
      <c r="H42" s="274"/>
      <c r="I42" s="274"/>
      <c r="J42" s="274"/>
      <c r="K42" s="274"/>
      <c r="L42" s="274"/>
      <c r="M42" s="274"/>
      <c r="N42" s="274"/>
      <c r="O42" s="274"/>
      <c r="P42" s="274"/>
      <c r="Q42" s="274"/>
      <c r="R42" s="274"/>
      <c r="S42" s="274"/>
      <c r="T42" s="274"/>
      <c r="U42" s="274"/>
      <c r="V42" s="274"/>
      <c r="W42" s="274"/>
      <c r="X42" s="274"/>
      <c r="Y42" s="274"/>
      <c r="Z42" s="274"/>
      <c r="AA42" s="274"/>
      <c r="AB42" s="274"/>
    </row>
    <row r="43" spans="1:28" ht="17.25" customHeight="1">
      <c r="B43" s="274"/>
      <c r="C43" s="274"/>
      <c r="D43" s="274"/>
      <c r="E43" s="274"/>
      <c r="F43" s="274"/>
      <c r="G43" s="274"/>
      <c r="H43" s="274"/>
      <c r="I43" s="274"/>
      <c r="J43" s="274"/>
      <c r="K43" s="274"/>
      <c r="L43" s="274"/>
      <c r="M43" s="274"/>
      <c r="N43" s="274"/>
      <c r="O43" s="274"/>
      <c r="P43" s="274"/>
      <c r="Q43" s="274"/>
      <c r="R43" s="274"/>
      <c r="S43" s="274"/>
      <c r="T43" s="274"/>
      <c r="U43" s="274"/>
      <c r="V43" s="274"/>
      <c r="W43" s="274"/>
      <c r="X43" s="274"/>
      <c r="Y43" s="274"/>
      <c r="Z43" s="274"/>
      <c r="AA43" s="274"/>
      <c r="AB43" s="274"/>
    </row>
  </sheetData>
  <sheetProtection algorithmName="SHA-512" hashValue="qsKGZbDzWTCq19iK+jW/Ve2Bfy9kqGN0ZbuKli5ohQ5wbxpH0mgIUJyq77POdEqKpTMmOGGpeG6HiFZNrzURkA==" saltValue="K3nKYbHddY6hada6OD0fkw==" spinCount="100000" sheet="1" objects="1" scenarios="1" selectLockedCells="1"/>
  <mergeCells count="26">
    <mergeCell ref="B25:H25"/>
    <mergeCell ref="Q25:X25"/>
    <mergeCell ref="I25:P25"/>
    <mergeCell ref="N15:Y15"/>
    <mergeCell ref="N16:Y16"/>
    <mergeCell ref="M20:O20"/>
    <mergeCell ref="A3:Y3"/>
    <mergeCell ref="A5:Y5"/>
    <mergeCell ref="S7:T7"/>
    <mergeCell ref="N12:Y13"/>
    <mergeCell ref="A6:X6"/>
    <mergeCell ref="A31:C31"/>
    <mergeCell ref="B26:C26"/>
    <mergeCell ref="I26:J26"/>
    <mergeCell ref="Q26:X29"/>
    <mergeCell ref="C27:G27"/>
    <mergeCell ref="J27:O27"/>
    <mergeCell ref="B28:D29"/>
    <mergeCell ref="I28:K29"/>
    <mergeCell ref="E28:H29"/>
    <mergeCell ref="L28:P29"/>
    <mergeCell ref="B43:AB43"/>
    <mergeCell ref="B39:AB39"/>
    <mergeCell ref="B40:AB40"/>
    <mergeCell ref="B41:AB41"/>
    <mergeCell ref="B42:AB42"/>
  </mergeCells>
  <phoneticPr fontId="19"/>
  <dataValidations count="2">
    <dataValidation type="list" allowBlank="1" showInputMessage="1" showErrorMessage="1" sqref="M19:O19 M21:O21" xr:uid="{1A1DE974-0B6B-452B-8A98-B6C096F263D5}">
      <formula1>$BE$19:$BE$22</formula1>
    </dataValidation>
    <dataValidation allowBlank="1" sqref="M20" xr:uid="{2A00C559-3BA5-4842-A879-5F718C62E003}"/>
  </dataValidations>
  <printOptions horizontalCentered="1"/>
  <pageMargins left="0.6692913385826772" right="0.39370078740157483" top="0.59055118110236227" bottom="0.39370078740157483" header="0.31496062992125984" footer="0.19685039370078741"/>
  <pageSetup paperSize="9" scale="87" orientation="portrait" horizontalDpi="300" verticalDpi="300"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E340C33-116C-438D-9131-D7BDE7072D8C}">
  <dimension ref="A1:AM65"/>
  <sheetViews>
    <sheetView view="pageLayout" topLeftCell="A5" zoomScaleNormal="100" zoomScaleSheetLayoutView="100" workbookViewId="0">
      <selection activeCell="N14" sqref="N14"/>
    </sheetView>
  </sheetViews>
  <sheetFormatPr defaultColWidth="9" defaultRowHeight="15"/>
  <cols>
    <col min="1" max="39" width="2.8984375" style="9" customWidth="1"/>
    <col min="40" max="16384" width="9" style="9"/>
  </cols>
  <sheetData>
    <row r="1" spans="1:39" ht="17.25" customHeight="1">
      <c r="A1" s="321" t="s">
        <v>5</v>
      </c>
      <c r="B1" s="321"/>
      <c r="C1" s="321"/>
      <c r="D1" s="321"/>
      <c r="E1" s="321"/>
      <c r="F1" s="321"/>
      <c r="G1" s="321"/>
      <c r="H1" s="321"/>
      <c r="I1" s="321"/>
      <c r="J1" s="321"/>
      <c r="K1" s="321"/>
      <c r="L1" s="321"/>
      <c r="M1" s="321"/>
      <c r="N1" s="321"/>
      <c r="O1" s="321"/>
      <c r="P1" s="321"/>
      <c r="Q1" s="321"/>
      <c r="R1" s="321"/>
      <c r="S1" s="321"/>
      <c r="T1" s="321"/>
      <c r="U1" s="321"/>
      <c r="V1" s="321"/>
      <c r="W1" s="321"/>
      <c r="X1" s="321"/>
      <c r="Y1" s="321"/>
      <c r="Z1" s="321"/>
      <c r="AA1" s="321"/>
    </row>
    <row r="2" spans="1:39" ht="17.25" customHeight="1">
      <c r="A2" s="47"/>
    </row>
    <row r="3" spans="1:39" ht="17.25" customHeight="1">
      <c r="A3" s="321" t="s">
        <v>18</v>
      </c>
      <c r="B3" s="321"/>
      <c r="C3" s="321"/>
      <c r="D3" s="321"/>
      <c r="E3" s="321"/>
      <c r="F3" s="321"/>
      <c r="G3" s="321"/>
      <c r="H3" s="321"/>
      <c r="I3" s="321"/>
      <c r="J3" s="321"/>
      <c r="K3" s="321"/>
      <c r="L3" s="321"/>
      <c r="M3" s="321"/>
      <c r="N3" s="321"/>
      <c r="O3" s="321"/>
      <c r="P3" s="321"/>
      <c r="Q3" s="321"/>
      <c r="R3" s="321"/>
      <c r="S3" s="321"/>
      <c r="T3" s="321"/>
      <c r="U3" s="321"/>
      <c r="V3" s="321"/>
      <c r="W3" s="321"/>
      <c r="X3" s="321"/>
      <c r="Y3" s="321"/>
      <c r="Z3" s="321"/>
      <c r="AA3" s="321"/>
    </row>
    <row r="4" spans="1:39" ht="17.25" customHeight="1">
      <c r="A4" s="26"/>
    </row>
    <row r="5" spans="1:39" ht="17.25" customHeight="1">
      <c r="A5" s="10" t="s">
        <v>6</v>
      </c>
      <c r="B5" s="10"/>
      <c r="C5" s="10"/>
      <c r="D5" s="10"/>
      <c r="E5" s="10"/>
      <c r="F5" s="10"/>
      <c r="G5" s="10"/>
      <c r="H5" s="10"/>
      <c r="I5" s="10"/>
      <c r="J5" s="10"/>
      <c r="K5" s="10"/>
      <c r="L5" s="10"/>
      <c r="M5" s="10"/>
      <c r="N5" s="10"/>
      <c r="O5" s="10"/>
      <c r="P5" s="10"/>
      <c r="Q5" s="10"/>
      <c r="R5" s="10"/>
      <c r="S5" s="10"/>
      <c r="T5" s="10"/>
      <c r="U5" s="10"/>
      <c r="V5" s="10"/>
      <c r="W5" s="10"/>
      <c r="X5" s="10"/>
      <c r="Y5" s="10"/>
      <c r="Z5" s="10"/>
      <c r="AA5" s="10"/>
    </row>
    <row r="6" spans="1:39" ht="17.25" customHeight="1">
      <c r="A6" s="10"/>
      <c r="B6" s="9" t="s">
        <v>51</v>
      </c>
    </row>
    <row r="7" spans="1:39" ht="18" customHeight="1">
      <c r="B7" s="322" t="s">
        <v>7</v>
      </c>
      <c r="C7" s="323"/>
      <c r="D7" s="323"/>
      <c r="E7" s="323"/>
      <c r="F7" s="323"/>
      <c r="G7" s="323"/>
      <c r="H7" s="328">
        <f>入力シート!N5</f>
        <v>0</v>
      </c>
      <c r="I7" s="329"/>
      <c r="J7" s="328" t="str">
        <f>入力シート!O5</f>
        <v>三浦市</v>
      </c>
      <c r="K7" s="329"/>
      <c r="L7" s="313">
        <f>入力シート!P5</f>
        <v>0</v>
      </c>
      <c r="M7" s="313"/>
      <c r="N7" s="313"/>
      <c r="O7" s="313"/>
      <c r="P7" s="313"/>
      <c r="Q7" s="313"/>
      <c r="R7" s="313"/>
      <c r="S7" s="313"/>
      <c r="T7" s="313"/>
      <c r="U7" s="313"/>
      <c r="V7" s="313"/>
      <c r="W7" s="313"/>
      <c r="X7" s="313"/>
      <c r="Y7" s="313"/>
      <c r="Z7" s="314"/>
    </row>
    <row r="8" spans="1:39" ht="18" customHeight="1">
      <c r="B8" s="324"/>
      <c r="C8" s="325"/>
      <c r="D8" s="325"/>
      <c r="E8" s="325"/>
      <c r="F8" s="325"/>
      <c r="G8" s="325"/>
      <c r="H8" s="326"/>
      <c r="I8" s="326"/>
      <c r="J8" s="326"/>
      <c r="K8" s="326"/>
      <c r="L8" s="326"/>
      <c r="M8" s="326"/>
      <c r="N8" s="326"/>
      <c r="O8" s="326"/>
      <c r="P8" s="326"/>
      <c r="Q8" s="326"/>
      <c r="R8" s="326"/>
      <c r="S8" s="326"/>
      <c r="T8" s="326"/>
      <c r="U8" s="326"/>
      <c r="V8" s="326"/>
      <c r="W8" s="326"/>
      <c r="X8" s="326"/>
      <c r="Y8" s="326"/>
      <c r="Z8" s="327"/>
    </row>
    <row r="9" spans="1:39" ht="18" customHeight="1">
      <c r="B9" s="48" t="s">
        <v>23</v>
      </c>
      <c r="C9" s="42"/>
      <c r="D9" s="42"/>
      <c r="E9" s="42"/>
      <c r="F9" s="42"/>
      <c r="G9" s="42"/>
      <c r="H9" s="320">
        <f>入力シート!Q5</f>
        <v>0</v>
      </c>
      <c r="I9" s="320"/>
      <c r="J9" s="320"/>
      <c r="K9" s="320"/>
      <c r="L9" s="49" t="s">
        <v>24</v>
      </c>
      <c r="M9" s="49"/>
      <c r="N9" s="49"/>
      <c r="O9" s="49"/>
      <c r="P9" s="49"/>
      <c r="Q9" s="49"/>
      <c r="R9" s="49"/>
      <c r="S9" s="49"/>
      <c r="T9" s="49"/>
      <c r="U9" s="49"/>
      <c r="V9" s="49"/>
      <c r="W9" s="49"/>
      <c r="X9" s="49"/>
      <c r="Y9" s="49"/>
      <c r="Z9" s="50"/>
    </row>
    <row r="10" spans="1:39" ht="18" customHeight="1">
      <c r="B10" s="318" t="s">
        <v>27</v>
      </c>
      <c r="C10" s="319"/>
      <c r="D10" s="319"/>
      <c r="E10" s="319"/>
      <c r="F10" s="319"/>
      <c r="G10" s="319"/>
      <c r="H10" s="205" t="s">
        <v>233</v>
      </c>
      <c r="I10" s="49" t="s">
        <v>28</v>
      </c>
      <c r="J10" s="49"/>
      <c r="K10" s="49"/>
      <c r="L10" s="207" t="s">
        <v>234</v>
      </c>
      <c r="M10" s="49" t="s">
        <v>29</v>
      </c>
      <c r="N10" s="49"/>
      <c r="O10" s="49"/>
      <c r="P10" s="49"/>
      <c r="Q10" s="49"/>
      <c r="R10" s="49"/>
      <c r="S10" s="49"/>
      <c r="T10" s="49"/>
      <c r="U10" s="49"/>
      <c r="V10" s="49"/>
      <c r="W10" s="49"/>
      <c r="X10" s="49"/>
      <c r="Y10" s="49"/>
      <c r="Z10" s="50"/>
    </row>
    <row r="11" spans="1:39" ht="18" customHeight="1">
      <c r="B11" s="318" t="s">
        <v>25</v>
      </c>
      <c r="C11" s="319"/>
      <c r="D11" s="319"/>
      <c r="E11" s="319"/>
      <c r="F11" s="319"/>
      <c r="G11" s="319"/>
      <c r="H11" s="320">
        <f>入力シート!R5</f>
        <v>0</v>
      </c>
      <c r="I11" s="320"/>
      <c r="J11" s="320"/>
      <c r="K11" s="320"/>
      <c r="L11" s="49" t="s">
        <v>24</v>
      </c>
      <c r="M11" s="49"/>
      <c r="N11" s="49"/>
      <c r="O11" s="49"/>
      <c r="P11" s="49"/>
      <c r="Q11" s="49"/>
      <c r="R11" s="49"/>
      <c r="S11" s="49"/>
      <c r="T11" s="49"/>
      <c r="U11" s="49"/>
      <c r="V11" s="49"/>
      <c r="W11" s="49"/>
      <c r="X11" s="49"/>
      <c r="Y11" s="49"/>
      <c r="Z11" s="50"/>
      <c r="AC11" s="9" t="s">
        <v>234</v>
      </c>
    </row>
    <row r="12" spans="1:39" ht="18" customHeight="1">
      <c r="B12" s="318" t="s">
        <v>26</v>
      </c>
      <c r="C12" s="319"/>
      <c r="D12" s="319"/>
      <c r="E12" s="319"/>
      <c r="F12" s="319"/>
      <c r="G12" s="319"/>
      <c r="H12" s="320">
        <f>入力シート!S5</f>
        <v>0</v>
      </c>
      <c r="I12" s="320"/>
      <c r="J12" s="320"/>
      <c r="K12" s="320"/>
      <c r="L12" s="49" t="s">
        <v>24</v>
      </c>
      <c r="M12" s="49"/>
      <c r="N12" s="49"/>
      <c r="O12" s="49"/>
      <c r="P12" s="49"/>
      <c r="Q12" s="49"/>
      <c r="R12" s="49"/>
      <c r="S12" s="49"/>
      <c r="T12" s="49"/>
      <c r="U12" s="49"/>
      <c r="V12" s="49"/>
      <c r="W12" s="49"/>
      <c r="X12" s="49"/>
      <c r="Y12" s="49"/>
      <c r="Z12" s="50"/>
      <c r="AM12" s="10"/>
    </row>
    <row r="13" spans="1:39" ht="18" customHeight="1">
      <c r="B13" s="51" t="s">
        <v>30</v>
      </c>
      <c r="C13" s="52"/>
      <c r="D13" s="52"/>
      <c r="E13" s="52"/>
      <c r="F13" s="52"/>
      <c r="G13" s="52"/>
      <c r="H13" s="205" t="s">
        <v>233</v>
      </c>
      <c r="I13" s="53" t="s">
        <v>31</v>
      </c>
      <c r="J13" s="53"/>
      <c r="K13" s="53"/>
      <c r="L13" s="53"/>
      <c r="M13" s="53"/>
      <c r="N13" s="53"/>
      <c r="O13" s="207" t="s">
        <v>234</v>
      </c>
      <c r="P13" s="53" t="s">
        <v>32</v>
      </c>
      <c r="Q13" s="53"/>
      <c r="R13" s="53"/>
      <c r="S13" s="53"/>
      <c r="T13" s="53"/>
      <c r="U13" s="53"/>
      <c r="V13" s="53"/>
      <c r="W13" s="53"/>
      <c r="X13" s="53"/>
      <c r="Y13" s="53"/>
      <c r="Z13" s="54"/>
    </row>
    <row r="14" spans="1:39" ht="18" customHeight="1">
      <c r="B14" s="55" t="s">
        <v>33</v>
      </c>
      <c r="C14" s="37"/>
      <c r="D14" s="37"/>
      <c r="E14" s="37"/>
      <c r="F14" s="37"/>
      <c r="G14" s="37"/>
      <c r="H14" s="37"/>
      <c r="I14" s="56"/>
      <c r="J14" s="56"/>
      <c r="K14" s="56"/>
      <c r="L14" s="56"/>
      <c r="M14" s="56"/>
      <c r="N14" s="193"/>
      <c r="O14" s="56" t="s">
        <v>34</v>
      </c>
      <c r="P14" s="304"/>
      <c r="Q14" s="304"/>
      <c r="R14" s="56" t="s">
        <v>24</v>
      </c>
      <c r="S14" s="56"/>
      <c r="T14" s="193"/>
      <c r="U14" s="56" t="s">
        <v>34</v>
      </c>
      <c r="V14" s="304"/>
      <c r="W14" s="304"/>
      <c r="X14" s="56" t="s">
        <v>24</v>
      </c>
      <c r="Y14" s="56"/>
      <c r="Z14" s="58"/>
    </row>
    <row r="15" spans="1:39" ht="18" customHeight="1">
      <c r="B15" s="55"/>
      <c r="C15" s="194"/>
      <c r="D15" s="59" t="s">
        <v>34</v>
      </c>
      <c r="E15" s="305"/>
      <c r="F15" s="312"/>
      <c r="G15" s="59" t="s">
        <v>24</v>
      </c>
      <c r="H15" s="59"/>
      <c r="I15" s="194"/>
      <c r="J15" s="59" t="s">
        <v>34</v>
      </c>
      <c r="K15" s="305"/>
      <c r="L15" s="305"/>
      <c r="M15" s="59" t="s">
        <v>24</v>
      </c>
      <c r="N15" s="194"/>
      <c r="O15" s="59" t="s">
        <v>34</v>
      </c>
      <c r="P15" s="305"/>
      <c r="Q15" s="312"/>
      <c r="R15" s="59" t="s">
        <v>24</v>
      </c>
      <c r="S15" s="59"/>
      <c r="T15" s="194"/>
      <c r="U15" s="59" t="s">
        <v>34</v>
      </c>
      <c r="V15" s="305"/>
      <c r="W15" s="305"/>
      <c r="X15" s="59" t="s">
        <v>24</v>
      </c>
      <c r="Y15" s="56"/>
      <c r="Z15" s="58"/>
    </row>
    <row r="16" spans="1:39" ht="18" customHeight="1">
      <c r="B16" s="306" t="s">
        <v>70</v>
      </c>
      <c r="C16" s="274"/>
      <c r="D16" s="274"/>
      <c r="E16" s="274"/>
      <c r="F16" s="274"/>
      <c r="G16" s="274"/>
      <c r="H16" s="274"/>
      <c r="I16" s="274"/>
      <c r="J16" s="274"/>
      <c r="K16" s="56"/>
      <c r="L16" s="56" t="s">
        <v>71</v>
      </c>
      <c r="M16" s="56"/>
      <c r="N16" s="56"/>
      <c r="O16" s="56"/>
      <c r="P16" s="56"/>
      <c r="Q16" s="56"/>
      <c r="R16" s="56"/>
      <c r="S16" s="57"/>
      <c r="T16" s="57"/>
      <c r="U16" s="56" t="s">
        <v>69</v>
      </c>
      <c r="V16" s="56"/>
      <c r="W16" s="56"/>
      <c r="X16" s="56"/>
      <c r="Y16" s="56"/>
      <c r="Z16" s="58"/>
    </row>
    <row r="17" spans="1:26" ht="18" customHeight="1">
      <c r="B17" s="44" t="s">
        <v>72</v>
      </c>
      <c r="C17" s="46"/>
      <c r="D17" s="46"/>
      <c r="E17" s="46"/>
      <c r="F17" s="46"/>
      <c r="G17" s="46"/>
      <c r="H17" s="46"/>
      <c r="I17" s="60"/>
      <c r="J17" s="60"/>
      <c r="K17" s="60"/>
      <c r="L17" s="60" t="s">
        <v>73</v>
      </c>
      <c r="M17" s="60"/>
      <c r="N17" s="60"/>
      <c r="O17" s="60"/>
      <c r="P17" s="60"/>
      <c r="Q17" s="60"/>
      <c r="R17" s="60"/>
      <c r="S17" s="61"/>
      <c r="T17" s="61"/>
      <c r="U17" s="60" t="s">
        <v>69</v>
      </c>
      <c r="V17" s="60"/>
      <c r="W17" s="60"/>
      <c r="X17" s="60"/>
      <c r="Y17" s="60"/>
      <c r="Z17" s="62"/>
    </row>
    <row r="18" spans="1:26" ht="18" customHeight="1">
      <c r="B18" s="63" t="s">
        <v>8</v>
      </c>
      <c r="C18" s="64"/>
      <c r="D18" s="64"/>
      <c r="E18" s="64"/>
      <c r="F18" s="64"/>
      <c r="G18" s="64"/>
      <c r="H18" s="64"/>
      <c r="I18" s="65"/>
      <c r="J18" s="65"/>
      <c r="K18" s="65"/>
      <c r="L18" s="65"/>
      <c r="M18" s="65"/>
      <c r="N18" s="65"/>
      <c r="O18" s="65"/>
      <c r="P18" s="65"/>
      <c r="Q18" s="65"/>
      <c r="R18" s="65"/>
      <c r="S18" s="65"/>
      <c r="T18" s="65"/>
      <c r="U18" s="65"/>
      <c r="V18" s="65"/>
      <c r="W18" s="65"/>
      <c r="X18" s="65"/>
      <c r="Y18" s="65"/>
      <c r="Z18" s="66"/>
    </row>
    <row r="19" spans="1:26" ht="18" customHeight="1">
      <c r="B19" s="67" t="s">
        <v>9</v>
      </c>
      <c r="C19" s="10"/>
      <c r="D19" s="10"/>
      <c r="E19" s="10"/>
      <c r="F19" s="10"/>
      <c r="G19" s="10"/>
      <c r="H19" s="10"/>
      <c r="I19" s="307"/>
      <c r="J19" s="307"/>
      <c r="K19" s="307"/>
      <c r="L19" s="9" t="s">
        <v>52</v>
      </c>
      <c r="Z19" s="68"/>
    </row>
    <row r="20" spans="1:26" ht="18" customHeight="1">
      <c r="B20" s="67" t="s">
        <v>10</v>
      </c>
      <c r="C20" s="10"/>
      <c r="D20" s="10"/>
      <c r="E20" s="10"/>
      <c r="F20" s="10"/>
      <c r="G20" s="10"/>
      <c r="H20" s="10"/>
      <c r="I20" s="307"/>
      <c r="J20" s="307"/>
      <c r="K20" s="307"/>
      <c r="L20" s="9" t="s">
        <v>52</v>
      </c>
      <c r="Z20" s="68"/>
    </row>
    <row r="21" spans="1:26" ht="18" customHeight="1">
      <c r="B21" s="67" t="s">
        <v>35</v>
      </c>
      <c r="C21" s="10"/>
      <c r="D21" s="10"/>
      <c r="E21" s="10"/>
      <c r="F21" s="10"/>
      <c r="G21" s="10"/>
      <c r="H21" s="10"/>
      <c r="I21" s="310">
        <f>入力シート!X5</f>
        <v>0</v>
      </c>
      <c r="J21" s="310"/>
      <c r="K21" s="9" t="s">
        <v>34</v>
      </c>
      <c r="M21" s="9" t="s">
        <v>36</v>
      </c>
      <c r="P21" s="310">
        <f>入力シート!Y5</f>
        <v>0</v>
      </c>
      <c r="Q21" s="310"/>
      <c r="R21" s="9" t="s">
        <v>34</v>
      </c>
      <c r="Z21" s="68"/>
    </row>
    <row r="22" spans="1:26" ht="18" customHeight="1">
      <c r="B22" s="63" t="s">
        <v>37</v>
      </c>
      <c r="C22" s="64"/>
      <c r="D22" s="64"/>
      <c r="E22" s="64"/>
      <c r="F22" s="317" t="str">
        <f>入力シート!Z5</f>
        <v>S造</v>
      </c>
      <c r="G22" s="317"/>
      <c r="H22" s="317"/>
      <c r="I22" s="317"/>
      <c r="J22" s="65" t="s">
        <v>38</v>
      </c>
      <c r="K22" s="65"/>
      <c r="L22" s="65" t="s">
        <v>39</v>
      </c>
      <c r="M22" s="65"/>
      <c r="N22" s="311" t="str">
        <f>入力シート!AB5</f>
        <v>　　　</v>
      </c>
      <c r="O22" s="311"/>
      <c r="P22" s="311"/>
      <c r="Q22" s="311"/>
      <c r="R22" s="65" t="s">
        <v>38</v>
      </c>
      <c r="S22" s="65"/>
      <c r="T22" s="65"/>
      <c r="U22" s="65"/>
      <c r="V22" s="65"/>
      <c r="W22" s="65"/>
      <c r="X22" s="65"/>
      <c r="Y22" s="65"/>
      <c r="Z22" s="66"/>
    </row>
    <row r="23" spans="1:26" ht="18" customHeight="1">
      <c r="B23" s="63" t="s">
        <v>100</v>
      </c>
      <c r="C23" s="64"/>
      <c r="D23" s="64"/>
      <c r="E23" s="64"/>
      <c r="F23" s="64"/>
      <c r="G23" s="64"/>
      <c r="H23" s="64"/>
      <c r="I23" s="65"/>
      <c r="J23" s="65"/>
      <c r="K23" s="65"/>
      <c r="L23" s="65"/>
      <c r="M23" s="65"/>
      <c r="N23" s="65"/>
      <c r="O23" s="65"/>
      <c r="P23" s="65"/>
      <c r="Q23" s="65"/>
      <c r="R23" s="65"/>
      <c r="S23" s="65"/>
      <c r="T23" s="65"/>
      <c r="U23" s="65"/>
      <c r="V23" s="65"/>
      <c r="W23" s="65"/>
      <c r="X23" s="65"/>
      <c r="Y23" s="65"/>
      <c r="Z23" s="66"/>
    </row>
    <row r="24" spans="1:26" ht="18" customHeight="1">
      <c r="B24" s="63" t="s">
        <v>11</v>
      </c>
      <c r="C24" s="64"/>
      <c r="D24" s="64"/>
      <c r="E24" s="64"/>
      <c r="F24" s="64"/>
      <c r="G24" s="64"/>
      <c r="H24" s="64"/>
      <c r="I24" s="65"/>
      <c r="J24" s="65"/>
      <c r="K24" s="65"/>
      <c r="L24" s="65"/>
      <c r="M24" s="65"/>
      <c r="N24" s="65"/>
      <c r="O24" s="65"/>
      <c r="P24" s="65"/>
      <c r="Q24" s="65"/>
      <c r="R24" s="65"/>
      <c r="S24" s="65"/>
      <c r="T24" s="65"/>
      <c r="U24" s="65"/>
      <c r="V24" s="65"/>
      <c r="W24" s="65"/>
      <c r="X24" s="65"/>
      <c r="Y24" s="65"/>
      <c r="Z24" s="66"/>
    </row>
    <row r="25" spans="1:26" ht="18" customHeight="1">
      <c r="B25" s="67" t="s">
        <v>40</v>
      </c>
      <c r="C25" s="10"/>
      <c r="D25" s="10"/>
      <c r="E25" s="10"/>
      <c r="F25" s="10"/>
      <c r="G25" s="10"/>
      <c r="H25" s="10"/>
      <c r="P25" s="205" t="s">
        <v>233</v>
      </c>
      <c r="Q25" s="9" t="s">
        <v>41</v>
      </c>
      <c r="S25" s="207" t="s">
        <v>234</v>
      </c>
      <c r="T25" s="9" t="s">
        <v>42</v>
      </c>
      <c r="Z25" s="68"/>
    </row>
    <row r="26" spans="1:26" ht="18" customHeight="1">
      <c r="B26" s="51" t="s">
        <v>43</v>
      </c>
      <c r="C26" s="52"/>
      <c r="D26" s="52"/>
      <c r="E26" s="52"/>
      <c r="F26" s="52"/>
      <c r="G26" s="52"/>
      <c r="H26" s="52"/>
      <c r="I26" s="52"/>
      <c r="J26" s="52"/>
      <c r="K26" s="52"/>
      <c r="L26" s="52"/>
      <c r="M26" s="52"/>
      <c r="N26" s="52"/>
      <c r="O26" s="52"/>
      <c r="P26" s="52"/>
      <c r="Q26" s="52"/>
      <c r="R26" s="52"/>
      <c r="S26" s="52"/>
      <c r="T26" s="52"/>
      <c r="U26" s="52"/>
      <c r="V26" s="52"/>
      <c r="W26" s="52"/>
      <c r="X26" s="52"/>
      <c r="Y26" s="52"/>
      <c r="Z26" s="70"/>
    </row>
    <row r="27" spans="1:26" ht="18" customHeight="1">
      <c r="B27" s="55" t="s">
        <v>89</v>
      </c>
      <c r="C27" s="37"/>
      <c r="D27" s="37"/>
      <c r="E27" s="37"/>
      <c r="F27" s="37"/>
      <c r="G27" s="37"/>
      <c r="H27" s="37"/>
      <c r="I27" s="37"/>
      <c r="J27" s="37"/>
      <c r="K27" s="37"/>
      <c r="L27" s="37"/>
      <c r="M27" s="37"/>
      <c r="N27" s="37"/>
      <c r="O27" s="37"/>
      <c r="P27" s="37"/>
      <c r="Q27" s="37"/>
      <c r="R27" s="37"/>
      <c r="S27" s="37"/>
      <c r="T27" s="37"/>
      <c r="U27" s="37"/>
      <c r="V27" s="37"/>
      <c r="W27" s="37"/>
      <c r="X27" s="37"/>
      <c r="Y27" s="37"/>
      <c r="Z27" s="71"/>
    </row>
    <row r="28" spans="1:26" ht="18" customHeight="1">
      <c r="B28" s="55" t="s">
        <v>90</v>
      </c>
      <c r="C28" s="37"/>
      <c r="D28" s="37"/>
      <c r="E28" s="37"/>
      <c r="F28" s="37"/>
      <c r="G28" s="37"/>
      <c r="H28" s="37"/>
      <c r="I28" s="37"/>
      <c r="J28" s="37"/>
      <c r="K28" s="37"/>
      <c r="L28" s="37"/>
      <c r="M28" s="37"/>
      <c r="N28" s="37"/>
      <c r="O28" s="37"/>
      <c r="P28" s="37"/>
      <c r="Q28" s="37"/>
      <c r="R28" s="37"/>
      <c r="S28" s="37"/>
      <c r="T28" s="37"/>
      <c r="U28" s="37"/>
      <c r="V28" s="37"/>
      <c r="W28" s="37"/>
      <c r="X28" s="37"/>
      <c r="Y28" s="37"/>
      <c r="Z28" s="71"/>
    </row>
    <row r="29" spans="1:26" ht="18" customHeight="1">
      <c r="B29" s="55" t="s">
        <v>91</v>
      </c>
      <c r="C29" s="37"/>
      <c r="D29" s="37"/>
      <c r="E29" s="37"/>
      <c r="F29" s="37"/>
      <c r="G29" s="37"/>
      <c r="H29" s="37"/>
      <c r="I29" s="37"/>
      <c r="J29" s="37"/>
      <c r="K29" s="37"/>
      <c r="L29" s="37"/>
      <c r="M29" s="37"/>
      <c r="N29" s="37"/>
      <c r="O29" s="37"/>
      <c r="P29" s="37"/>
      <c r="Q29" s="37"/>
      <c r="R29" s="37"/>
      <c r="S29" s="37"/>
      <c r="T29" s="37"/>
      <c r="U29" s="37"/>
      <c r="V29" s="37"/>
      <c r="W29" s="37"/>
      <c r="X29" s="37"/>
      <c r="Y29" s="37"/>
      <c r="Z29" s="71"/>
    </row>
    <row r="30" spans="1:26" ht="18" customHeight="1">
      <c r="B30" s="55" t="s">
        <v>93</v>
      </c>
      <c r="C30" s="37"/>
      <c r="D30" s="37"/>
      <c r="E30" s="37"/>
      <c r="F30" s="37"/>
      <c r="G30" s="37"/>
      <c r="H30" s="37"/>
      <c r="I30" s="37"/>
      <c r="J30" s="37"/>
      <c r="K30" s="37"/>
      <c r="L30" s="37"/>
      <c r="M30" s="37"/>
      <c r="N30" s="37"/>
      <c r="O30" s="37"/>
      <c r="P30" s="37"/>
      <c r="Q30" s="37"/>
      <c r="R30" s="37"/>
      <c r="S30" s="37"/>
      <c r="T30" s="37"/>
      <c r="U30" s="37"/>
      <c r="V30" s="37"/>
      <c r="W30" s="37"/>
      <c r="X30" s="37"/>
      <c r="Y30" s="37"/>
      <c r="Z30" s="71"/>
    </row>
    <row r="31" spans="1:26" ht="18" customHeight="1">
      <c r="B31" s="44" t="s">
        <v>92</v>
      </c>
      <c r="C31" s="46"/>
      <c r="D31" s="46"/>
      <c r="E31" s="46"/>
      <c r="F31" s="46"/>
      <c r="G31" s="46"/>
      <c r="H31" s="46"/>
      <c r="I31" s="46"/>
      <c r="J31" s="46"/>
      <c r="K31" s="46"/>
      <c r="L31" s="46"/>
      <c r="M31" s="46"/>
      <c r="N31" s="46"/>
      <c r="O31" s="46"/>
      <c r="P31" s="208" t="s">
        <v>234</v>
      </c>
      <c r="Q31" s="46" t="s">
        <v>41</v>
      </c>
      <c r="R31" s="46"/>
      <c r="S31" s="206" t="s">
        <v>233</v>
      </c>
      <c r="T31" s="46" t="s">
        <v>42</v>
      </c>
      <c r="U31" s="46"/>
      <c r="V31" s="46"/>
      <c r="W31" s="46"/>
      <c r="X31" s="46"/>
      <c r="Y31" s="46"/>
      <c r="Z31" s="45"/>
    </row>
    <row r="32" spans="1:26" ht="19.5" customHeight="1">
      <c r="A32" s="26"/>
      <c r="B32" s="69"/>
      <c r="C32" s="69"/>
      <c r="D32" s="69"/>
      <c r="E32" s="69"/>
      <c r="F32" s="69"/>
      <c r="G32" s="69"/>
      <c r="H32" s="69"/>
      <c r="I32" s="69"/>
      <c r="J32" s="69"/>
      <c r="K32" s="69"/>
      <c r="L32" s="69"/>
      <c r="M32" s="69"/>
      <c r="N32" s="69"/>
      <c r="O32" s="69"/>
      <c r="P32" s="69"/>
      <c r="Q32" s="69"/>
      <c r="R32" s="69"/>
      <c r="S32" s="69"/>
      <c r="T32" s="69"/>
      <c r="U32" s="69"/>
      <c r="V32" s="69"/>
      <c r="W32" s="69"/>
      <c r="X32" s="69"/>
      <c r="Y32" s="69"/>
      <c r="Z32" s="69"/>
    </row>
    <row r="33" spans="1:27" ht="19.5" customHeight="1">
      <c r="A33" s="315" t="s">
        <v>4</v>
      </c>
      <c r="B33" s="316"/>
      <c r="C33" s="316"/>
    </row>
    <row r="34" spans="1:27" ht="21.75" customHeight="1">
      <c r="A34" s="38" t="s">
        <v>105</v>
      </c>
      <c r="B34" s="38"/>
      <c r="C34" s="38"/>
      <c r="D34" s="38"/>
      <c r="E34" s="38"/>
      <c r="F34" s="38"/>
      <c r="G34" s="38"/>
      <c r="H34" s="38"/>
      <c r="I34" s="72"/>
      <c r="J34" s="72"/>
      <c r="K34" s="72"/>
      <c r="L34" s="72"/>
      <c r="M34" s="72"/>
      <c r="N34" s="72"/>
      <c r="O34" s="72"/>
      <c r="P34" s="72"/>
      <c r="Q34" s="72"/>
      <c r="R34" s="72"/>
      <c r="S34" s="72"/>
      <c r="T34" s="72"/>
      <c r="U34" s="72"/>
      <c r="V34" s="72"/>
      <c r="W34" s="72"/>
      <c r="X34" s="72"/>
      <c r="Y34" s="72"/>
      <c r="Z34" s="72"/>
    </row>
    <row r="35" spans="1:27" ht="21.75" customHeight="1">
      <c r="A35" s="308" t="s">
        <v>102</v>
      </c>
      <c r="B35" s="308"/>
      <c r="C35" s="308"/>
      <c r="D35" s="308"/>
      <c r="E35" s="308"/>
      <c r="F35" s="308"/>
      <c r="G35" s="308"/>
      <c r="H35" s="308"/>
      <c r="I35" s="308"/>
      <c r="J35" s="308"/>
      <c r="K35" s="308"/>
      <c r="L35" s="308"/>
      <c r="M35" s="308"/>
      <c r="N35" s="308"/>
      <c r="O35" s="308"/>
      <c r="P35" s="308"/>
      <c r="Q35" s="308"/>
      <c r="R35" s="308"/>
      <c r="S35" s="308"/>
      <c r="T35" s="308"/>
      <c r="U35" s="308"/>
      <c r="V35" s="308"/>
      <c r="W35" s="308"/>
      <c r="X35" s="308"/>
      <c r="Y35" s="308"/>
      <c r="Z35" s="308"/>
      <c r="AA35"/>
    </row>
    <row r="36" spans="1:27" ht="21.75" customHeight="1">
      <c r="A36" s="38"/>
      <c r="B36" s="38" t="s">
        <v>103</v>
      </c>
      <c r="C36" s="38"/>
      <c r="D36" s="38"/>
      <c r="E36" s="38"/>
      <c r="F36" s="38"/>
      <c r="G36" s="38"/>
      <c r="H36" s="38"/>
      <c r="I36" s="38"/>
      <c r="J36" s="38"/>
      <c r="K36" s="38"/>
      <c r="L36" s="38"/>
      <c r="M36" s="38"/>
      <c r="N36" s="38"/>
      <c r="O36" s="38"/>
      <c r="P36" s="38"/>
      <c r="Q36" s="38"/>
      <c r="R36" s="38"/>
      <c r="S36" s="38"/>
      <c r="T36" s="38"/>
      <c r="U36" s="38"/>
      <c r="V36" s="38"/>
      <c r="W36" s="38"/>
      <c r="X36" s="38"/>
      <c r="Y36" s="38"/>
      <c r="Z36" s="38"/>
      <c r="AA36"/>
    </row>
    <row r="37" spans="1:27" ht="21.75" customHeight="1">
      <c r="A37" s="38"/>
      <c r="B37" s="38" t="s">
        <v>104</v>
      </c>
      <c r="C37" s="38"/>
      <c r="D37" s="38"/>
      <c r="E37" s="38"/>
      <c r="F37" s="38"/>
      <c r="G37" s="38"/>
      <c r="H37" s="38"/>
      <c r="I37" s="38"/>
      <c r="J37" s="38"/>
      <c r="K37" s="38"/>
      <c r="L37" s="38"/>
      <c r="M37" s="38"/>
      <c r="N37" s="38"/>
      <c r="O37" s="38"/>
      <c r="P37" s="38"/>
      <c r="Q37" s="38"/>
      <c r="R37" s="38"/>
      <c r="S37" s="38"/>
      <c r="T37" s="38"/>
      <c r="U37" s="38"/>
      <c r="V37" s="38"/>
      <c r="W37" s="38"/>
      <c r="X37" s="38"/>
      <c r="Y37" s="38"/>
      <c r="Z37" s="38"/>
      <c r="AA37"/>
    </row>
    <row r="38" spans="1:27" s="18" customFormat="1" ht="21.75" customHeight="1">
      <c r="A38" s="303" t="s">
        <v>101</v>
      </c>
      <c r="B38" s="303"/>
      <c r="C38" s="303"/>
      <c r="D38" s="303"/>
      <c r="E38" s="303"/>
      <c r="F38" s="303"/>
      <c r="G38" s="303"/>
      <c r="H38" s="303"/>
      <c r="I38" s="303"/>
      <c r="J38" s="303"/>
      <c r="K38" s="303"/>
      <c r="L38" s="303"/>
      <c r="M38" s="303"/>
      <c r="N38" s="303"/>
      <c r="O38" s="303"/>
      <c r="P38" s="303"/>
      <c r="Q38" s="303"/>
      <c r="R38" s="303"/>
      <c r="S38" s="303"/>
      <c r="T38" s="303"/>
      <c r="U38" s="303"/>
      <c r="V38" s="303"/>
      <c r="W38" s="303"/>
      <c r="X38" s="303"/>
      <c r="Y38" s="303"/>
      <c r="Z38" s="303"/>
      <c r="AA38" s="303"/>
    </row>
    <row r="39" spans="1:27" s="18" customFormat="1" ht="21.75" customHeight="1">
      <c r="A39" s="11" t="s">
        <v>106</v>
      </c>
      <c r="B39" s="309" t="s">
        <v>108</v>
      </c>
      <c r="C39" s="309"/>
      <c r="D39" s="309"/>
      <c r="E39" s="309"/>
      <c r="F39" s="309"/>
      <c r="G39" s="309"/>
      <c r="H39" s="309"/>
      <c r="I39" s="309"/>
      <c r="J39" s="309"/>
      <c r="K39" s="309"/>
      <c r="L39" s="309"/>
      <c r="M39" s="309"/>
      <c r="N39" s="309"/>
      <c r="O39" s="309"/>
      <c r="P39" s="309"/>
      <c r="Q39" s="309"/>
      <c r="R39" s="309"/>
      <c r="S39" s="309"/>
      <c r="T39" s="309"/>
      <c r="U39" s="309"/>
      <c r="V39" s="309"/>
      <c r="W39" s="309"/>
      <c r="X39" s="309"/>
      <c r="Y39" s="309"/>
      <c r="Z39" s="309"/>
      <c r="AA39" s="309"/>
    </row>
    <row r="40" spans="1:27" s="18" customFormat="1" ht="21.75" customHeight="1">
      <c r="A40" s="11" t="s">
        <v>106</v>
      </c>
      <c r="B40" s="11" t="s">
        <v>107</v>
      </c>
      <c r="C40" s="11"/>
      <c r="D40" s="11"/>
      <c r="E40" s="11"/>
      <c r="F40" s="11"/>
      <c r="G40" s="11"/>
      <c r="H40" s="11"/>
      <c r="I40" s="11"/>
      <c r="J40" s="11"/>
      <c r="K40" s="11"/>
      <c r="L40" s="11"/>
      <c r="M40" s="11"/>
      <c r="N40" s="11"/>
      <c r="O40" s="11"/>
      <c r="P40" s="11"/>
      <c r="Q40" s="11"/>
      <c r="R40" s="11"/>
      <c r="S40" s="11"/>
      <c r="T40" s="11"/>
      <c r="U40" s="11"/>
      <c r="V40" s="11"/>
      <c r="W40" s="11"/>
      <c r="X40" s="11"/>
      <c r="Y40" s="11"/>
      <c r="Z40" s="11"/>
      <c r="AA40"/>
    </row>
    <row r="41" spans="1:27" s="18" customFormat="1" ht="21.75" customHeight="1">
      <c r="A41" s="308" t="s">
        <v>109</v>
      </c>
      <c r="B41" s="308"/>
      <c r="C41" s="308"/>
      <c r="D41" s="308"/>
      <c r="E41" s="308"/>
      <c r="F41" s="308"/>
      <c r="G41" s="308"/>
      <c r="H41" s="308"/>
      <c r="I41" s="308"/>
      <c r="J41" s="308"/>
      <c r="K41" s="308"/>
      <c r="L41" s="308"/>
      <c r="M41" s="308"/>
      <c r="N41" s="308"/>
      <c r="O41" s="308"/>
      <c r="P41" s="308"/>
      <c r="Q41" s="308"/>
      <c r="R41" s="308"/>
      <c r="S41" s="308"/>
      <c r="T41" s="308"/>
      <c r="U41" s="308"/>
      <c r="V41" s="308"/>
      <c r="W41" s="308"/>
      <c r="X41" s="308"/>
      <c r="Y41" s="308"/>
      <c r="Z41" s="308"/>
      <c r="AA41" s="308"/>
    </row>
    <row r="42" spans="1:27" ht="21.75" customHeight="1">
      <c r="A42" s="38"/>
      <c r="B42" s="274" t="s">
        <v>110</v>
      </c>
      <c r="C42" s="274"/>
      <c r="D42" s="274"/>
      <c r="E42" s="274"/>
      <c r="F42" s="274"/>
      <c r="G42" s="274"/>
      <c r="H42" s="274"/>
      <c r="I42" s="274"/>
      <c r="J42" s="274"/>
      <c r="K42" s="274"/>
      <c r="L42" s="274"/>
      <c r="M42" s="274"/>
      <c r="N42" s="274"/>
      <c r="O42" s="274"/>
      <c r="P42" s="274"/>
      <c r="Q42" s="274"/>
      <c r="R42" s="274"/>
      <c r="S42" s="274"/>
      <c r="T42" s="274"/>
      <c r="U42" s="274"/>
      <c r="V42" s="274"/>
      <c r="W42" s="274"/>
      <c r="X42" s="274"/>
      <c r="Y42" s="274"/>
      <c r="Z42" s="274"/>
      <c r="AA42" s="274"/>
    </row>
    <row r="43" spans="1:27" ht="21.75" customHeight="1">
      <c r="A43" s="38"/>
      <c r="B43" s="38" t="s">
        <v>111</v>
      </c>
      <c r="C43" s="38"/>
      <c r="D43" s="38"/>
      <c r="E43" s="38"/>
      <c r="F43" s="38"/>
      <c r="G43" s="38"/>
      <c r="H43" s="38"/>
      <c r="I43" s="38"/>
      <c r="J43" s="38"/>
      <c r="K43" s="38"/>
      <c r="L43" s="38"/>
      <c r="M43" s="38"/>
      <c r="N43" s="38"/>
      <c r="O43" s="38"/>
      <c r="P43" s="38"/>
      <c r="Q43" s="38"/>
      <c r="R43" s="38"/>
      <c r="S43" s="38"/>
      <c r="T43" s="38"/>
      <c r="U43" s="38"/>
      <c r="V43" s="38"/>
      <c r="W43" s="38"/>
      <c r="X43" s="38"/>
      <c r="Y43" s="38"/>
      <c r="Z43" s="38"/>
      <c r="AA43" s="74"/>
    </row>
    <row r="44" spans="1:27" ht="21.75" customHeight="1">
      <c r="A44" s="38"/>
      <c r="B44" s="38" t="s">
        <v>112</v>
      </c>
      <c r="C44" s="38"/>
      <c r="D44" s="38"/>
      <c r="E44" s="38"/>
      <c r="F44" s="38"/>
      <c r="G44" s="38"/>
      <c r="H44" s="38"/>
      <c r="I44" s="38"/>
      <c r="J44" s="38"/>
      <c r="K44" s="38"/>
      <c r="L44" s="38"/>
      <c r="M44" s="38"/>
      <c r="N44" s="38"/>
      <c r="O44" s="38"/>
      <c r="P44" s="38"/>
      <c r="Q44" s="38"/>
      <c r="R44" s="38"/>
      <c r="S44" s="38"/>
      <c r="T44" s="38"/>
      <c r="U44" s="38"/>
      <c r="V44" s="38"/>
      <c r="W44" s="38"/>
      <c r="X44" s="38"/>
      <c r="Y44" s="38"/>
      <c r="Z44" s="38"/>
      <c r="AA44" s="74"/>
    </row>
    <row r="45" spans="1:27" ht="17.25" customHeight="1">
      <c r="A45" s="303" t="s">
        <v>114</v>
      </c>
      <c r="B45" s="303"/>
      <c r="C45" s="303"/>
      <c r="D45" s="303"/>
      <c r="E45" s="303"/>
      <c r="F45" s="303"/>
      <c r="G45" s="303"/>
      <c r="H45" s="303"/>
      <c r="I45" s="303"/>
      <c r="J45" s="303"/>
      <c r="K45" s="303"/>
      <c r="L45" s="303"/>
      <c r="M45" s="303"/>
      <c r="N45" s="303"/>
      <c r="O45" s="303"/>
      <c r="P45" s="303"/>
      <c r="Q45" s="303"/>
      <c r="R45" s="303"/>
      <c r="S45" s="303"/>
      <c r="T45" s="303"/>
      <c r="U45" s="303"/>
      <c r="V45" s="303"/>
      <c r="W45" s="303"/>
      <c r="X45" s="303"/>
      <c r="Y45" s="303"/>
      <c r="Z45" s="303"/>
      <c r="AA45" s="303"/>
    </row>
    <row r="46" spans="1:27" ht="17.25" customHeight="1">
      <c r="A46" s="11"/>
      <c r="B46" s="11" t="s">
        <v>113</v>
      </c>
      <c r="C46" s="11"/>
      <c r="D46" s="11"/>
      <c r="E46" s="11"/>
      <c r="F46" s="11"/>
      <c r="G46" s="11"/>
      <c r="H46" s="11"/>
      <c r="I46" s="11"/>
      <c r="J46" s="11"/>
      <c r="K46" s="11"/>
      <c r="L46" s="11"/>
      <c r="M46" s="11"/>
      <c r="N46" s="11"/>
      <c r="O46" s="11"/>
      <c r="P46" s="11"/>
      <c r="Q46" s="11"/>
      <c r="R46" s="11"/>
      <c r="S46" s="11"/>
      <c r="T46" s="11"/>
      <c r="U46" s="11"/>
      <c r="V46" s="11"/>
      <c r="W46" s="11"/>
      <c r="X46" s="11"/>
      <c r="Y46" s="11"/>
      <c r="Z46" s="11"/>
      <c r="AA46"/>
    </row>
    <row r="47" spans="1:27" ht="17.25" customHeight="1">
      <c r="B47" s="14"/>
    </row>
    <row r="48" spans="1:27" ht="17.25" customHeight="1">
      <c r="B48" s="14"/>
    </row>
    <row r="49" spans="1:2" ht="17.25" customHeight="1">
      <c r="B49" s="14"/>
    </row>
    <row r="50" spans="1:2" ht="17.25" customHeight="1">
      <c r="A50" s="14"/>
    </row>
    <row r="51" spans="1:2" ht="17.25" customHeight="1">
      <c r="B51" s="14"/>
    </row>
    <row r="52" spans="1:2" ht="17.25" customHeight="1"/>
    <row r="53" spans="1:2" ht="17.25" customHeight="1"/>
    <row r="54" spans="1:2" ht="17.25" customHeight="1"/>
    <row r="55" spans="1:2" ht="17.25" customHeight="1"/>
    <row r="56" spans="1:2" ht="17.25" customHeight="1"/>
    <row r="57" spans="1:2" ht="17.25" customHeight="1"/>
    <row r="58" spans="1:2" ht="17.25" customHeight="1"/>
    <row r="59" spans="1:2" ht="17.25" customHeight="1"/>
    <row r="60" spans="1:2" ht="17.25" customHeight="1"/>
    <row r="61" spans="1:2" ht="17.25" customHeight="1"/>
    <row r="62" spans="1:2" ht="17.25" customHeight="1"/>
    <row r="63" spans="1:2" ht="17.25" customHeight="1"/>
    <row r="64" spans="1:2" ht="17.25" customHeight="1"/>
    <row r="65" ht="17.25" customHeight="1"/>
  </sheetData>
  <sheetProtection algorithmName="SHA-512" hashValue="6dNBxkK0Ncs1rZcqIW282FJ4tgYX4qINnVffAFxRLcB7kyXrfjz0ZXGcCPvpoEepurcm26mGuwsA3zcvJFV5Mw==" saltValue="cT8IL9NqBKbi7dsJYVpGXg==" spinCount="100000" sheet="1" objects="1" scenarios="1" selectLockedCells="1"/>
  <mergeCells count="33">
    <mergeCell ref="A1:AA1"/>
    <mergeCell ref="A3:AA3"/>
    <mergeCell ref="B7:G8"/>
    <mergeCell ref="H8:Z8"/>
    <mergeCell ref="H7:I7"/>
    <mergeCell ref="J7:K7"/>
    <mergeCell ref="E15:F15"/>
    <mergeCell ref="P21:Q21"/>
    <mergeCell ref="L7:Z7"/>
    <mergeCell ref="A33:C33"/>
    <mergeCell ref="F22:I22"/>
    <mergeCell ref="B10:G10"/>
    <mergeCell ref="B11:G11"/>
    <mergeCell ref="H11:K11"/>
    <mergeCell ref="B12:G12"/>
    <mergeCell ref="H12:K12"/>
    <mergeCell ref="H9:K9"/>
    <mergeCell ref="A45:AA45"/>
    <mergeCell ref="V14:W14"/>
    <mergeCell ref="K15:L15"/>
    <mergeCell ref="V15:W15"/>
    <mergeCell ref="B16:J16"/>
    <mergeCell ref="I19:K19"/>
    <mergeCell ref="P14:Q14"/>
    <mergeCell ref="I20:K20"/>
    <mergeCell ref="A35:Z35"/>
    <mergeCell ref="A38:AA38"/>
    <mergeCell ref="B39:AA39"/>
    <mergeCell ref="A41:AA41"/>
    <mergeCell ref="B42:AA42"/>
    <mergeCell ref="I21:J21"/>
    <mergeCell ref="N22:Q22"/>
    <mergeCell ref="P15:Q15"/>
  </mergeCells>
  <phoneticPr fontId="19"/>
  <printOptions horizontalCentered="1"/>
  <pageMargins left="0.6692913385826772" right="0.39370078740157483" top="0.59055118110236227" bottom="0.39370078740157483" header="0.31496062992125984" footer="0.19685039370078741"/>
  <pageSetup paperSize="9" scale="87" orientation="portrait" horizontalDpi="300" verticalDpi="300" r:id="rId1"/>
  <headerFooter alignWithMargins="0"/>
  <rowBreaks count="1" manualBreakCount="1">
    <brk id="32" max="26"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83E6F8-5EA1-4C46-A762-5A83C21782AA}">
  <dimension ref="A1:AA47"/>
  <sheetViews>
    <sheetView view="pageLayout" zoomScaleNormal="100" zoomScaleSheetLayoutView="100" workbookViewId="0">
      <selection activeCell="B18" sqref="B18:Z18"/>
    </sheetView>
  </sheetViews>
  <sheetFormatPr defaultColWidth="9" defaultRowHeight="13.2"/>
  <cols>
    <col min="1" max="40" width="2.8984375" style="13" customWidth="1"/>
    <col min="41" max="16384" width="9" style="13"/>
  </cols>
  <sheetData>
    <row r="1" spans="1:27" ht="17.25" customHeight="1">
      <c r="A1" s="335" t="s">
        <v>229</v>
      </c>
      <c r="B1" s="335"/>
      <c r="C1" s="335"/>
      <c r="D1" s="335"/>
      <c r="E1" s="335"/>
      <c r="F1" s="335"/>
      <c r="G1" s="335"/>
      <c r="H1" s="335"/>
      <c r="I1" s="335"/>
      <c r="J1" s="335"/>
      <c r="K1" s="335"/>
      <c r="L1" s="335"/>
      <c r="M1" s="335"/>
      <c r="N1" s="335"/>
      <c r="O1" s="335"/>
      <c r="P1" s="335"/>
      <c r="Q1" s="335"/>
      <c r="R1" s="335"/>
      <c r="S1" s="335"/>
      <c r="T1" s="335"/>
      <c r="U1" s="335"/>
      <c r="V1" s="335"/>
      <c r="W1" s="335"/>
      <c r="X1" s="335"/>
      <c r="Y1" s="335"/>
      <c r="Z1" s="335"/>
      <c r="AA1" s="335"/>
    </row>
    <row r="2" spans="1:27" ht="17.25" customHeight="1">
      <c r="A2" s="1"/>
    </row>
    <row r="3" spans="1:27" s="15" customFormat="1" ht="17.25" customHeight="1">
      <c r="A3" s="8" t="s">
        <v>12</v>
      </c>
    </row>
    <row r="4" spans="1:27" s="15" customFormat="1" ht="17.25" customHeight="1">
      <c r="A4" s="22"/>
      <c r="B4" s="337"/>
      <c r="C4" s="338"/>
      <c r="D4" s="338"/>
      <c r="E4" s="338"/>
      <c r="F4" s="338"/>
      <c r="G4" s="338"/>
      <c r="H4" s="338"/>
      <c r="I4" s="338"/>
      <c r="J4" s="338"/>
      <c r="K4" s="338"/>
      <c r="L4" s="338"/>
      <c r="M4" s="338"/>
      <c r="N4" s="338"/>
      <c r="O4" s="338"/>
      <c r="P4" s="338"/>
      <c r="Q4" s="338"/>
      <c r="R4" s="338"/>
      <c r="S4" s="338"/>
      <c r="T4" s="338"/>
      <c r="U4" s="338"/>
      <c r="V4" s="338"/>
      <c r="W4" s="338"/>
      <c r="X4" s="338"/>
      <c r="Y4" s="338"/>
      <c r="Z4" s="339"/>
    </row>
    <row r="5" spans="1:27" s="15" customFormat="1" ht="17.25" customHeight="1">
      <c r="A5" s="22"/>
      <c r="B5" s="340"/>
      <c r="C5" s="341"/>
      <c r="D5" s="341"/>
      <c r="E5" s="341"/>
      <c r="F5" s="341"/>
      <c r="G5" s="341"/>
      <c r="H5" s="341"/>
      <c r="I5" s="341"/>
      <c r="J5" s="341"/>
      <c r="K5" s="341"/>
      <c r="L5" s="341"/>
      <c r="M5" s="341"/>
      <c r="N5" s="341"/>
      <c r="O5" s="341"/>
      <c r="P5" s="341"/>
      <c r="Q5" s="341"/>
      <c r="R5" s="341"/>
      <c r="S5" s="341"/>
      <c r="T5" s="341"/>
      <c r="U5" s="341"/>
      <c r="V5" s="341"/>
      <c r="W5" s="341"/>
      <c r="X5" s="341"/>
      <c r="Y5" s="341"/>
      <c r="Z5" s="342"/>
    </row>
    <row r="6" spans="1:27" s="15" customFormat="1" ht="17.25" customHeight="1">
      <c r="A6" s="22"/>
      <c r="B6" s="340"/>
      <c r="C6" s="341"/>
      <c r="D6" s="341"/>
      <c r="E6" s="341"/>
      <c r="F6" s="341"/>
      <c r="G6" s="341"/>
      <c r="H6" s="341"/>
      <c r="I6" s="341"/>
      <c r="J6" s="341"/>
      <c r="K6" s="341"/>
      <c r="L6" s="341"/>
      <c r="M6" s="341"/>
      <c r="N6" s="341"/>
      <c r="O6" s="341"/>
      <c r="P6" s="341"/>
      <c r="Q6" s="341"/>
      <c r="R6" s="341"/>
      <c r="S6" s="341"/>
      <c r="T6" s="341"/>
      <c r="U6" s="341"/>
      <c r="V6" s="341"/>
      <c r="W6" s="341"/>
      <c r="X6" s="341"/>
      <c r="Y6" s="341"/>
      <c r="Z6" s="342"/>
    </row>
    <row r="7" spans="1:27" s="15" customFormat="1" ht="17.25" customHeight="1">
      <c r="A7" s="22"/>
      <c r="B7" s="330"/>
      <c r="C7" s="331"/>
      <c r="D7" s="331"/>
      <c r="E7" s="331"/>
      <c r="F7" s="331"/>
      <c r="G7" s="331"/>
      <c r="H7" s="331"/>
      <c r="I7" s="331"/>
      <c r="J7" s="331"/>
      <c r="K7" s="331"/>
      <c r="L7" s="331"/>
      <c r="M7" s="331"/>
      <c r="N7" s="331"/>
      <c r="O7" s="331"/>
      <c r="P7" s="331"/>
      <c r="Q7" s="331"/>
      <c r="R7" s="331"/>
      <c r="S7" s="331"/>
      <c r="T7" s="331"/>
      <c r="U7" s="331"/>
      <c r="V7" s="331"/>
      <c r="W7" s="331"/>
      <c r="X7" s="331"/>
      <c r="Y7" s="331"/>
      <c r="Z7" s="332"/>
    </row>
    <row r="8" spans="1:27" s="15" customFormat="1" ht="17.25" customHeight="1">
      <c r="A8" s="19"/>
    </row>
    <row r="9" spans="1:27" s="15" customFormat="1" ht="17.25" customHeight="1">
      <c r="A9" s="8" t="s">
        <v>13</v>
      </c>
    </row>
    <row r="10" spans="1:27" s="15" customFormat="1" ht="17.25" customHeight="1">
      <c r="A10" s="8" t="s">
        <v>58</v>
      </c>
    </row>
    <row r="11" spans="1:27" s="15" customFormat="1" ht="17.25" customHeight="1">
      <c r="A11" s="22"/>
      <c r="B11" s="337"/>
      <c r="C11" s="338"/>
      <c r="D11" s="338"/>
      <c r="E11" s="338"/>
      <c r="F11" s="338"/>
      <c r="G11" s="338"/>
      <c r="H11" s="338"/>
      <c r="I11" s="338"/>
      <c r="J11" s="338"/>
      <c r="K11" s="338"/>
      <c r="L11" s="338"/>
      <c r="M11" s="338"/>
      <c r="N11" s="338"/>
      <c r="O11" s="338"/>
      <c r="P11" s="338"/>
      <c r="Q11" s="338"/>
      <c r="R11" s="338"/>
      <c r="S11" s="338"/>
      <c r="T11" s="338"/>
      <c r="U11" s="338"/>
      <c r="V11" s="338"/>
      <c r="W11" s="338"/>
      <c r="X11" s="338"/>
      <c r="Y11" s="338"/>
      <c r="Z11" s="339"/>
    </row>
    <row r="12" spans="1:27" s="15" customFormat="1" ht="17.25" customHeight="1">
      <c r="A12" s="22"/>
      <c r="B12" s="340"/>
      <c r="C12" s="341"/>
      <c r="D12" s="341"/>
      <c r="E12" s="341"/>
      <c r="F12" s="341"/>
      <c r="G12" s="341"/>
      <c r="H12" s="341"/>
      <c r="I12" s="341"/>
      <c r="J12" s="341"/>
      <c r="K12" s="341"/>
      <c r="L12" s="341"/>
      <c r="M12" s="341"/>
      <c r="N12" s="341"/>
      <c r="O12" s="341"/>
      <c r="P12" s="341"/>
      <c r="Q12" s="341"/>
      <c r="R12" s="341"/>
      <c r="S12" s="341"/>
      <c r="T12" s="341"/>
      <c r="U12" s="341"/>
      <c r="V12" s="341"/>
      <c r="W12" s="341"/>
      <c r="X12" s="341"/>
      <c r="Y12" s="341"/>
      <c r="Z12" s="342"/>
    </row>
    <row r="13" spans="1:27" s="15" customFormat="1" ht="17.25" customHeight="1">
      <c r="A13" s="22"/>
      <c r="B13" s="330"/>
      <c r="C13" s="331"/>
      <c r="D13" s="331"/>
      <c r="E13" s="331"/>
      <c r="F13" s="331"/>
      <c r="G13" s="331"/>
      <c r="H13" s="331"/>
      <c r="I13" s="331"/>
      <c r="J13" s="331"/>
      <c r="K13" s="331"/>
      <c r="L13" s="331"/>
      <c r="M13" s="331"/>
      <c r="N13" s="331"/>
      <c r="O13" s="331"/>
      <c r="P13" s="331"/>
      <c r="Q13" s="331"/>
      <c r="R13" s="331"/>
      <c r="S13" s="331"/>
      <c r="T13" s="331"/>
      <c r="U13" s="331"/>
      <c r="V13" s="331"/>
      <c r="W13" s="331"/>
      <c r="X13" s="331"/>
      <c r="Y13" s="331"/>
      <c r="Z13" s="332"/>
    </row>
    <row r="14" spans="1:27" s="15" customFormat="1" ht="17.25" customHeight="1">
      <c r="A14" s="19"/>
    </row>
    <row r="15" spans="1:27" s="15" customFormat="1" ht="17.25" customHeight="1">
      <c r="A15" s="8" t="s">
        <v>59</v>
      </c>
    </row>
    <row r="16" spans="1:27" s="15" customFormat="1" ht="17.25" customHeight="1">
      <c r="A16" s="22"/>
      <c r="B16" s="337"/>
      <c r="C16" s="338"/>
      <c r="D16" s="338"/>
      <c r="E16" s="338"/>
      <c r="F16" s="338"/>
      <c r="G16" s="338"/>
      <c r="H16" s="338"/>
      <c r="I16" s="338"/>
      <c r="J16" s="338"/>
      <c r="K16" s="338"/>
      <c r="L16" s="338"/>
      <c r="M16" s="338"/>
      <c r="N16" s="338"/>
      <c r="O16" s="338"/>
      <c r="P16" s="338"/>
      <c r="Q16" s="338"/>
      <c r="R16" s="338"/>
      <c r="S16" s="338"/>
      <c r="T16" s="338"/>
      <c r="U16" s="338"/>
      <c r="V16" s="338"/>
      <c r="W16" s="338"/>
      <c r="X16" s="338"/>
      <c r="Y16" s="338"/>
      <c r="Z16" s="339"/>
    </row>
    <row r="17" spans="1:27" s="15" customFormat="1" ht="17.25" customHeight="1">
      <c r="A17" s="22"/>
      <c r="B17" s="340"/>
      <c r="C17" s="341"/>
      <c r="D17" s="341"/>
      <c r="E17" s="341"/>
      <c r="F17" s="341"/>
      <c r="G17" s="341"/>
      <c r="H17" s="341"/>
      <c r="I17" s="341"/>
      <c r="J17" s="341"/>
      <c r="K17" s="341"/>
      <c r="L17" s="341"/>
      <c r="M17" s="341"/>
      <c r="N17" s="341"/>
      <c r="O17" s="341"/>
      <c r="P17" s="341"/>
      <c r="Q17" s="341"/>
      <c r="R17" s="341"/>
      <c r="S17" s="341"/>
      <c r="T17" s="341"/>
      <c r="U17" s="341"/>
      <c r="V17" s="341"/>
      <c r="W17" s="341"/>
      <c r="X17" s="341"/>
      <c r="Y17" s="341"/>
      <c r="Z17" s="342"/>
    </row>
    <row r="18" spans="1:27" s="15" customFormat="1" ht="17.25" customHeight="1">
      <c r="A18" s="22"/>
      <c r="B18" s="330"/>
      <c r="C18" s="331"/>
      <c r="D18" s="331"/>
      <c r="E18" s="331"/>
      <c r="F18" s="331"/>
      <c r="G18" s="331"/>
      <c r="H18" s="331"/>
      <c r="I18" s="331"/>
      <c r="J18" s="331"/>
      <c r="K18" s="331"/>
      <c r="L18" s="331"/>
      <c r="M18" s="331"/>
      <c r="N18" s="331"/>
      <c r="O18" s="331"/>
      <c r="P18" s="331"/>
      <c r="Q18" s="331"/>
      <c r="R18" s="331"/>
      <c r="S18" s="331"/>
      <c r="T18" s="331"/>
      <c r="U18" s="331"/>
      <c r="V18" s="331"/>
      <c r="W18" s="331"/>
      <c r="X18" s="331"/>
      <c r="Y18" s="331"/>
      <c r="Z18" s="332"/>
    </row>
    <row r="19" spans="1:27" s="15" customFormat="1" ht="17.25" customHeight="1">
      <c r="A19" s="19"/>
    </row>
    <row r="20" spans="1:27" s="15" customFormat="1" ht="17.25" customHeight="1">
      <c r="A20" s="8" t="s">
        <v>14</v>
      </c>
    </row>
    <row r="21" spans="1:27" s="15" customFormat="1" ht="18" customHeight="1">
      <c r="A21" s="20"/>
      <c r="B21" s="24" t="s">
        <v>54</v>
      </c>
      <c r="C21" s="21"/>
      <c r="D21" s="21"/>
      <c r="E21" s="21"/>
      <c r="F21" s="21"/>
      <c r="G21" s="21"/>
      <c r="H21" s="21"/>
      <c r="I21" s="21"/>
      <c r="J21" s="21"/>
      <c r="K21" s="21"/>
      <c r="L21" s="21"/>
      <c r="M21" s="21"/>
      <c r="N21" s="21"/>
      <c r="O21" s="21"/>
      <c r="P21" s="336">
        <f>入力シート!AG5</f>
        <v>2026</v>
      </c>
      <c r="Q21" s="336"/>
      <c r="R21" s="336"/>
      <c r="S21" s="336"/>
      <c r="T21" s="21" t="s">
        <v>57</v>
      </c>
      <c r="U21" s="336">
        <f>入力シート!AH5</f>
        <v>0</v>
      </c>
      <c r="V21" s="336"/>
      <c r="W21" s="21" t="s">
        <v>56</v>
      </c>
      <c r="X21" s="336">
        <f>入力シート!AI5</f>
        <v>0</v>
      </c>
      <c r="Y21" s="336"/>
      <c r="Z21" s="16" t="s">
        <v>53</v>
      </c>
    </row>
    <row r="22" spans="1:27" s="15" customFormat="1" ht="18" customHeight="1">
      <c r="A22" s="20"/>
      <c r="B22" s="24" t="s">
        <v>55</v>
      </c>
      <c r="C22" s="21"/>
      <c r="D22" s="21"/>
      <c r="E22" s="21"/>
      <c r="F22" s="21"/>
      <c r="G22" s="21"/>
      <c r="H22" s="21"/>
      <c r="I22" s="21"/>
      <c r="J22" s="21"/>
      <c r="K22" s="21"/>
      <c r="L22" s="21"/>
      <c r="M22" s="21"/>
      <c r="N22" s="21"/>
      <c r="O22" s="21"/>
      <c r="P22" s="336">
        <f>入力シート!AJ5</f>
        <v>0</v>
      </c>
      <c r="Q22" s="336"/>
      <c r="R22" s="336"/>
      <c r="S22" s="336"/>
      <c r="T22" s="21" t="s">
        <v>57</v>
      </c>
      <c r="U22" s="336">
        <f>入力シート!AK5</f>
        <v>0</v>
      </c>
      <c r="V22" s="336"/>
      <c r="W22" s="21" t="s">
        <v>56</v>
      </c>
      <c r="X22" s="336">
        <f>入力シート!AL5</f>
        <v>0</v>
      </c>
      <c r="Y22" s="336"/>
      <c r="Z22" s="16" t="s">
        <v>53</v>
      </c>
    </row>
    <row r="23" spans="1:27" s="15" customFormat="1" ht="17.25" customHeight="1">
      <c r="A23" s="19"/>
    </row>
    <row r="24" spans="1:27" s="15" customFormat="1" ht="17.25" customHeight="1">
      <c r="A24" s="8" t="s">
        <v>4</v>
      </c>
      <c r="Y24" s="195"/>
    </row>
    <row r="25" spans="1:27" s="15" customFormat="1" ht="17.25" customHeight="1">
      <c r="A25" s="11" t="s">
        <v>95</v>
      </c>
      <c r="B25" s="25"/>
      <c r="C25" s="25"/>
      <c r="D25" s="25"/>
      <c r="E25" s="25"/>
      <c r="F25" s="25"/>
      <c r="G25" s="25"/>
      <c r="H25" s="25"/>
      <c r="I25" s="25"/>
      <c r="J25" s="25"/>
      <c r="K25" s="25"/>
      <c r="L25" s="25"/>
      <c r="M25" s="25"/>
      <c r="N25" s="25"/>
      <c r="O25" s="25"/>
      <c r="P25" s="25"/>
      <c r="Q25" s="25"/>
      <c r="R25" s="25"/>
      <c r="S25" s="25"/>
      <c r="T25" s="25"/>
      <c r="U25" s="25"/>
      <c r="V25" s="25"/>
      <c r="W25" s="25"/>
      <c r="X25" s="25"/>
      <c r="Y25" s="25"/>
      <c r="Z25" s="25"/>
      <c r="AA25" s="25"/>
    </row>
    <row r="26" spans="1:27" s="15" customFormat="1" ht="17.25" customHeight="1">
      <c r="A26" s="11" t="s">
        <v>96</v>
      </c>
      <c r="B26" s="25"/>
      <c r="C26" s="25"/>
      <c r="D26" s="25"/>
      <c r="E26" s="25"/>
      <c r="F26" s="25"/>
      <c r="G26" s="25"/>
      <c r="H26" s="25"/>
      <c r="I26" s="25"/>
      <c r="J26" s="25"/>
      <c r="K26" s="25"/>
      <c r="L26" s="25"/>
      <c r="M26" s="25"/>
      <c r="N26" s="25"/>
      <c r="O26" s="25"/>
      <c r="P26" s="25"/>
      <c r="Q26" s="25"/>
      <c r="R26" s="25"/>
      <c r="S26" s="25"/>
      <c r="T26" s="25"/>
      <c r="U26" s="25"/>
      <c r="V26" s="25"/>
      <c r="W26" s="25"/>
      <c r="X26" s="25"/>
      <c r="Y26" s="25"/>
      <c r="Z26" s="25"/>
      <c r="AA26" s="25"/>
    </row>
    <row r="27" spans="1:27" s="15" customFormat="1" ht="17.25" customHeight="1">
      <c r="A27" s="303" t="s">
        <v>97</v>
      </c>
      <c r="B27" s="303"/>
      <c r="C27" s="303"/>
      <c r="D27" s="303"/>
      <c r="E27" s="303"/>
      <c r="F27" s="303"/>
      <c r="G27" s="303"/>
      <c r="H27" s="303"/>
      <c r="I27" s="303"/>
      <c r="J27" s="303"/>
      <c r="K27" s="303"/>
      <c r="L27" s="303"/>
      <c r="M27" s="303"/>
      <c r="N27" s="303"/>
      <c r="O27" s="303"/>
      <c r="P27" s="303"/>
      <c r="Q27" s="303"/>
      <c r="R27" s="303"/>
      <c r="S27" s="303"/>
      <c r="T27" s="303"/>
      <c r="U27" s="303"/>
      <c r="V27" s="303"/>
      <c r="W27" s="303"/>
      <c r="X27" s="303"/>
      <c r="Y27" s="303"/>
      <c r="Z27" s="303"/>
      <c r="AA27" s="303"/>
    </row>
    <row r="28" spans="1:27" s="15" customFormat="1" ht="17.25" customHeight="1">
      <c r="A28" s="274" t="s">
        <v>98</v>
      </c>
      <c r="B28" s="274"/>
      <c r="C28" s="274"/>
      <c r="D28" s="274"/>
      <c r="E28" s="274"/>
      <c r="F28" s="274"/>
      <c r="G28" s="274"/>
      <c r="H28" s="274"/>
      <c r="I28" s="274"/>
      <c r="J28" s="274"/>
      <c r="K28" s="274"/>
      <c r="L28" s="274"/>
      <c r="M28" s="274"/>
      <c r="N28" s="274"/>
      <c r="O28" s="274"/>
      <c r="P28" s="274"/>
      <c r="Q28" s="274"/>
      <c r="R28" s="274"/>
      <c r="S28" s="274"/>
      <c r="T28" s="274"/>
      <c r="U28" s="274"/>
      <c r="V28" s="274"/>
      <c r="W28" s="274"/>
      <c r="X28" s="274"/>
      <c r="Y28" s="274"/>
      <c r="Z28" s="274"/>
      <c r="AA28" s="274"/>
    </row>
    <row r="29" spans="1:27" s="15" customFormat="1" ht="17.25" customHeight="1">
      <c r="A29" s="14" t="s">
        <v>99</v>
      </c>
      <c r="B29" s="14"/>
      <c r="C29" s="14"/>
      <c r="D29" s="14"/>
      <c r="E29" s="14"/>
      <c r="F29" s="14"/>
      <c r="G29" s="14"/>
      <c r="H29" s="14"/>
      <c r="I29" s="14"/>
      <c r="J29" s="14"/>
      <c r="K29" s="14"/>
      <c r="L29" s="14"/>
      <c r="M29" s="14"/>
      <c r="N29" s="14"/>
      <c r="O29" s="14"/>
      <c r="P29" s="14"/>
      <c r="Q29" s="14"/>
      <c r="R29" s="14"/>
      <c r="S29" s="14"/>
      <c r="T29" s="14"/>
      <c r="U29" s="14"/>
      <c r="V29" s="14"/>
      <c r="W29" s="14"/>
      <c r="X29" s="14"/>
      <c r="Y29" s="14"/>
      <c r="Z29" s="14"/>
      <c r="AA29" s="14"/>
    </row>
    <row r="30" spans="1:27" ht="17.25" customHeight="1">
      <c r="A30" s="4"/>
    </row>
    <row r="31" spans="1:27" ht="17.25" customHeight="1">
      <c r="A31" s="1"/>
    </row>
    <row r="32" spans="1:27" ht="17.25" customHeight="1">
      <c r="A32" s="6"/>
    </row>
    <row r="33" spans="1:3" ht="17.25" customHeight="1">
      <c r="A33" s="4"/>
    </row>
    <row r="34" spans="1:3" ht="17.25" customHeight="1">
      <c r="A34" s="4"/>
    </row>
    <row r="35" spans="1:3" ht="17.25" customHeight="1">
      <c r="A35" s="4"/>
    </row>
    <row r="36" spans="1:3" ht="17.25" customHeight="1">
      <c r="A36" s="333"/>
      <c r="B36" s="334"/>
      <c r="C36" s="334"/>
    </row>
    <row r="37" spans="1:3" ht="17.25" customHeight="1">
      <c r="A37" s="333"/>
      <c r="B37" s="334"/>
      <c r="C37" s="334"/>
    </row>
    <row r="38" spans="1:3" ht="17.25" customHeight="1">
      <c r="A38" s="333"/>
      <c r="B38" s="334"/>
      <c r="C38" s="334"/>
    </row>
    <row r="39" spans="1:3" ht="17.25" customHeight="1">
      <c r="A39" s="333"/>
      <c r="B39" s="334"/>
      <c r="C39" s="334"/>
    </row>
    <row r="40" spans="1:3" ht="17.25" customHeight="1"/>
    <row r="41" spans="1:3" ht="17.25" customHeight="1">
      <c r="A41" s="2"/>
    </row>
    <row r="42" spans="1:3" ht="17.25" customHeight="1"/>
    <row r="43" spans="1:3" ht="17.25" customHeight="1"/>
    <row r="44" spans="1:3" ht="17.25" customHeight="1"/>
    <row r="45" spans="1:3" ht="17.25" customHeight="1"/>
    <row r="46" spans="1:3" ht="17.25" customHeight="1"/>
    <row r="47" spans="1:3" ht="17.25" customHeight="1"/>
  </sheetData>
  <sheetProtection algorithmName="SHA-512" hashValue="qDhzukxuh7nnbAYwekz5vdRZHnLIsy+scBKtNdu2FVwAQfvTXHQcq7A/ZXwt7Mvbz2QJKxoWQVY+C0G83S1eqg==" saltValue="00pLXztkr2yzT9H6WKaCHQ==" spinCount="100000" sheet="1" objects="1" scenarios="1" selectLockedCells="1"/>
  <mergeCells count="23">
    <mergeCell ref="A1:AA1"/>
    <mergeCell ref="B18:Z18"/>
    <mergeCell ref="P21:S21"/>
    <mergeCell ref="P22:S22"/>
    <mergeCell ref="U21:V21"/>
    <mergeCell ref="U22:V22"/>
    <mergeCell ref="X21:Y21"/>
    <mergeCell ref="X22:Y22"/>
    <mergeCell ref="B11:Z11"/>
    <mergeCell ref="B12:Z12"/>
    <mergeCell ref="B13:Z13"/>
    <mergeCell ref="B16:Z16"/>
    <mergeCell ref="B17:Z17"/>
    <mergeCell ref="B4:Z4"/>
    <mergeCell ref="B5:Z5"/>
    <mergeCell ref="B6:Z6"/>
    <mergeCell ref="B7:Z7"/>
    <mergeCell ref="A36:C36"/>
    <mergeCell ref="A37:C37"/>
    <mergeCell ref="A38:C38"/>
    <mergeCell ref="A39:C39"/>
    <mergeCell ref="A27:AA27"/>
    <mergeCell ref="A28:AA28"/>
  </mergeCells>
  <phoneticPr fontId="19"/>
  <printOptions horizontalCentered="1"/>
  <pageMargins left="0.6692913385826772" right="0.39370078740157483" top="0.59055118110236227" bottom="0.39370078740157483" header="0.31496062992125984" footer="0.19685039370078741"/>
  <pageSetup paperSize="9" scale="87" orientation="portrait" horizontalDpi="300" verticalDpi="300"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AFE90F-492F-4DDF-9CF9-0945A4CFDFC6}">
  <dimension ref="A1:AA56"/>
  <sheetViews>
    <sheetView view="pageLayout" zoomScaleNormal="100" zoomScaleSheetLayoutView="100" workbookViewId="0">
      <selection activeCell="N17" sqref="N17:O17"/>
    </sheetView>
  </sheetViews>
  <sheetFormatPr defaultRowHeight="18"/>
  <cols>
    <col min="1" max="40" width="2.8984375" customWidth="1"/>
  </cols>
  <sheetData>
    <row r="1" spans="1:27" ht="17.25" customHeight="1">
      <c r="A1" s="335" t="s">
        <v>15</v>
      </c>
      <c r="B1" s="335"/>
      <c r="C1" s="335"/>
      <c r="D1" s="335"/>
      <c r="E1" s="335"/>
      <c r="F1" s="335"/>
      <c r="G1" s="335"/>
      <c r="H1" s="335"/>
      <c r="I1" s="335"/>
      <c r="J1" s="335"/>
      <c r="K1" s="335"/>
      <c r="L1" s="335"/>
      <c r="M1" s="335"/>
      <c r="N1" s="335"/>
      <c r="O1" s="335"/>
      <c r="P1" s="335"/>
      <c r="Q1" s="335"/>
      <c r="R1" s="335"/>
      <c r="S1" s="335"/>
      <c r="T1" s="335"/>
      <c r="U1" s="335"/>
      <c r="V1" s="335"/>
      <c r="W1" s="335"/>
      <c r="X1" s="335"/>
      <c r="Y1" s="335"/>
      <c r="Z1" s="335"/>
      <c r="AA1" s="335"/>
    </row>
    <row r="2" spans="1:27" ht="17.25" customHeight="1">
      <c r="A2" s="1"/>
    </row>
    <row r="3" spans="1:27" ht="17.25" customHeight="1">
      <c r="A3" s="8" t="s">
        <v>16</v>
      </c>
      <c r="B3" s="15"/>
      <c r="C3" s="7"/>
      <c r="D3" s="7"/>
      <c r="E3" s="7"/>
      <c r="F3" s="7"/>
      <c r="G3" s="7"/>
      <c r="H3" s="7"/>
      <c r="I3" s="7"/>
      <c r="J3" s="7"/>
      <c r="K3" s="7"/>
      <c r="L3" s="7"/>
      <c r="M3" s="7"/>
      <c r="N3" s="7"/>
      <c r="O3" s="7"/>
      <c r="P3" s="7"/>
      <c r="Q3" s="7"/>
      <c r="R3" s="7"/>
      <c r="S3" s="7"/>
      <c r="T3" s="7"/>
      <c r="U3" s="7"/>
      <c r="V3" s="7"/>
      <c r="W3" s="7"/>
      <c r="X3" s="7"/>
      <c r="Y3" s="7"/>
      <c r="Z3" s="7"/>
      <c r="AA3" s="7"/>
    </row>
    <row r="4" spans="1:27" ht="17.25" customHeight="1">
      <c r="A4" s="22"/>
      <c r="B4" s="344"/>
      <c r="C4" s="345"/>
      <c r="D4" s="345"/>
      <c r="E4" s="345"/>
      <c r="F4" s="345"/>
      <c r="G4" s="345"/>
      <c r="H4" s="345"/>
      <c r="I4" s="345"/>
      <c r="J4" s="345"/>
      <c r="K4" s="345"/>
      <c r="L4" s="345"/>
      <c r="M4" s="345"/>
      <c r="N4" s="345"/>
      <c r="O4" s="345"/>
      <c r="P4" s="345"/>
      <c r="Q4" s="345"/>
      <c r="R4" s="345"/>
      <c r="S4" s="345"/>
      <c r="T4" s="345"/>
      <c r="U4" s="345"/>
      <c r="V4" s="345"/>
      <c r="W4" s="345"/>
      <c r="X4" s="345"/>
      <c r="Y4" s="345"/>
      <c r="Z4" s="346"/>
      <c r="AA4" s="7"/>
    </row>
    <row r="5" spans="1:27" ht="17.25" customHeight="1">
      <c r="A5" s="22"/>
      <c r="B5" s="347"/>
      <c r="C5" s="348"/>
      <c r="D5" s="348"/>
      <c r="E5" s="348"/>
      <c r="F5" s="348"/>
      <c r="G5" s="348"/>
      <c r="H5" s="348"/>
      <c r="I5" s="348"/>
      <c r="J5" s="348"/>
      <c r="K5" s="348"/>
      <c r="L5" s="348"/>
      <c r="M5" s="348"/>
      <c r="N5" s="348"/>
      <c r="O5" s="348"/>
      <c r="P5" s="348"/>
      <c r="Q5" s="348"/>
      <c r="R5" s="348"/>
      <c r="S5" s="348"/>
      <c r="T5" s="348"/>
      <c r="U5" s="348"/>
      <c r="V5" s="348"/>
      <c r="W5" s="348"/>
      <c r="X5" s="348"/>
      <c r="Y5" s="348"/>
      <c r="Z5" s="349"/>
      <c r="AA5" s="7"/>
    </row>
    <row r="6" spans="1:27" ht="17.25" customHeight="1">
      <c r="A6" s="22"/>
      <c r="B6" s="350"/>
      <c r="C6" s="351"/>
      <c r="D6" s="351"/>
      <c r="E6" s="351"/>
      <c r="F6" s="351"/>
      <c r="G6" s="351"/>
      <c r="H6" s="351"/>
      <c r="I6" s="351"/>
      <c r="J6" s="351"/>
      <c r="K6" s="351"/>
      <c r="L6" s="351"/>
      <c r="M6" s="351"/>
      <c r="N6" s="351"/>
      <c r="O6" s="351"/>
      <c r="P6" s="351"/>
      <c r="Q6" s="351"/>
      <c r="R6" s="351"/>
      <c r="S6" s="351"/>
      <c r="T6" s="351"/>
      <c r="U6" s="351"/>
      <c r="V6" s="351"/>
      <c r="W6" s="351"/>
      <c r="X6" s="351"/>
      <c r="Y6" s="351"/>
      <c r="Z6" s="352"/>
      <c r="AA6" s="7"/>
    </row>
    <row r="7" spans="1:27" ht="17.25" customHeight="1">
      <c r="A7" s="19"/>
      <c r="B7" s="7"/>
      <c r="C7" s="7"/>
      <c r="D7" s="7"/>
      <c r="E7" s="7"/>
      <c r="F7" s="7"/>
      <c r="G7" s="7"/>
      <c r="H7" s="7"/>
      <c r="I7" s="7"/>
      <c r="J7" s="7"/>
      <c r="K7" s="7"/>
      <c r="L7" s="7"/>
      <c r="M7" s="7"/>
      <c r="N7" s="7"/>
      <c r="O7" s="7"/>
      <c r="P7" s="7"/>
      <c r="Q7" s="7"/>
      <c r="R7" s="7"/>
      <c r="S7" s="7"/>
      <c r="T7" s="7"/>
      <c r="U7" s="7"/>
      <c r="V7" s="7"/>
      <c r="W7" s="7"/>
      <c r="X7" s="7"/>
      <c r="Y7" s="7"/>
      <c r="Z7" s="7"/>
      <c r="AA7" s="7"/>
    </row>
    <row r="8" spans="1:27" ht="17.25" customHeight="1">
      <c r="A8" s="8" t="s">
        <v>17</v>
      </c>
      <c r="B8" s="7"/>
      <c r="C8" s="7"/>
      <c r="D8" s="7"/>
      <c r="E8" s="7"/>
      <c r="F8" s="7"/>
      <c r="G8" s="7"/>
      <c r="H8" s="7"/>
      <c r="I8" s="7"/>
      <c r="J8" s="7"/>
      <c r="K8" s="7"/>
      <c r="L8" s="7"/>
      <c r="M8" s="7"/>
      <c r="N8" s="7"/>
      <c r="O8" s="7"/>
      <c r="P8" s="7"/>
      <c r="Q8" s="7"/>
      <c r="R8" s="7"/>
      <c r="S8" s="7"/>
      <c r="T8" s="7"/>
      <c r="U8" s="7"/>
      <c r="V8" s="7"/>
      <c r="W8" s="7"/>
      <c r="X8" s="7"/>
      <c r="Y8" s="7"/>
      <c r="Z8" s="7"/>
      <c r="AA8" s="7"/>
    </row>
    <row r="9" spans="1:27" ht="17.25" customHeight="1">
      <c r="A9" s="22"/>
      <c r="B9" s="344"/>
      <c r="C9" s="345"/>
      <c r="D9" s="345"/>
      <c r="E9" s="345"/>
      <c r="F9" s="345"/>
      <c r="G9" s="345"/>
      <c r="H9" s="345"/>
      <c r="I9" s="345"/>
      <c r="J9" s="345"/>
      <c r="K9" s="345"/>
      <c r="L9" s="345"/>
      <c r="M9" s="345"/>
      <c r="N9" s="345"/>
      <c r="O9" s="345"/>
      <c r="P9" s="345"/>
      <c r="Q9" s="345"/>
      <c r="R9" s="345"/>
      <c r="S9" s="345"/>
      <c r="T9" s="345"/>
      <c r="U9" s="345"/>
      <c r="V9" s="345"/>
      <c r="W9" s="345"/>
      <c r="X9" s="345"/>
      <c r="Y9" s="345"/>
      <c r="Z9" s="346"/>
      <c r="AA9" s="7"/>
    </row>
    <row r="10" spans="1:27" ht="17.25" customHeight="1">
      <c r="A10" s="22"/>
      <c r="B10" s="347"/>
      <c r="C10" s="348"/>
      <c r="D10" s="348"/>
      <c r="E10" s="348"/>
      <c r="F10" s="348"/>
      <c r="G10" s="348"/>
      <c r="H10" s="348"/>
      <c r="I10" s="348"/>
      <c r="J10" s="348"/>
      <c r="K10" s="348"/>
      <c r="L10" s="348"/>
      <c r="M10" s="348"/>
      <c r="N10" s="348"/>
      <c r="O10" s="348"/>
      <c r="P10" s="348"/>
      <c r="Q10" s="348"/>
      <c r="R10" s="348"/>
      <c r="S10" s="348"/>
      <c r="T10" s="348"/>
      <c r="U10" s="348"/>
      <c r="V10" s="348"/>
      <c r="W10" s="348"/>
      <c r="X10" s="348"/>
      <c r="Y10" s="348"/>
      <c r="Z10" s="349"/>
      <c r="AA10" s="7"/>
    </row>
    <row r="11" spans="1:27" ht="17.25" customHeight="1">
      <c r="A11" s="22"/>
      <c r="B11" s="350"/>
      <c r="C11" s="351"/>
      <c r="D11" s="351"/>
      <c r="E11" s="351"/>
      <c r="F11" s="351"/>
      <c r="G11" s="351"/>
      <c r="H11" s="351"/>
      <c r="I11" s="351"/>
      <c r="J11" s="351"/>
      <c r="K11" s="351"/>
      <c r="L11" s="351"/>
      <c r="M11" s="351"/>
      <c r="N11" s="351"/>
      <c r="O11" s="351"/>
      <c r="P11" s="351"/>
      <c r="Q11" s="351"/>
      <c r="R11" s="351"/>
      <c r="S11" s="351"/>
      <c r="T11" s="351"/>
      <c r="U11" s="351"/>
      <c r="V11" s="351"/>
      <c r="W11" s="351"/>
      <c r="X11" s="351"/>
      <c r="Y11" s="351"/>
      <c r="Z11" s="352"/>
      <c r="AA11" s="7"/>
    </row>
    <row r="12" spans="1:27" ht="17.25" customHeight="1">
      <c r="A12" s="19"/>
      <c r="B12" s="7"/>
      <c r="C12" s="7"/>
      <c r="D12" s="7"/>
      <c r="E12" s="7"/>
      <c r="F12" s="7"/>
      <c r="G12" s="7"/>
      <c r="H12" s="7"/>
      <c r="I12" s="7"/>
      <c r="J12" s="7"/>
      <c r="K12" s="7"/>
      <c r="L12" s="7"/>
      <c r="M12" s="7"/>
      <c r="N12" s="7"/>
      <c r="O12" s="7"/>
      <c r="P12" s="7"/>
      <c r="Q12" s="7"/>
      <c r="R12" s="7"/>
      <c r="S12" s="7"/>
      <c r="T12" s="7"/>
      <c r="U12" s="7"/>
      <c r="V12" s="7"/>
      <c r="W12" s="7"/>
      <c r="X12" s="7"/>
      <c r="Y12" s="7"/>
      <c r="Z12" s="7"/>
      <c r="AA12" s="7"/>
    </row>
    <row r="13" spans="1:27" ht="17.25" customHeight="1">
      <c r="A13" s="8" t="s">
        <v>14</v>
      </c>
      <c r="B13" s="7"/>
      <c r="C13" s="7"/>
      <c r="D13" s="7"/>
      <c r="E13" s="7"/>
      <c r="F13" s="7"/>
      <c r="G13" s="7"/>
      <c r="H13" s="7"/>
      <c r="I13" s="7"/>
      <c r="J13" s="7"/>
      <c r="K13" s="7"/>
      <c r="L13" s="7"/>
      <c r="M13" s="7"/>
      <c r="N13" s="7"/>
      <c r="O13" s="7"/>
      <c r="P13" s="7"/>
      <c r="Q13" s="7"/>
      <c r="R13" s="7"/>
      <c r="S13" s="7"/>
      <c r="T13" s="7"/>
      <c r="U13" s="7"/>
      <c r="V13" s="7"/>
      <c r="W13" s="7"/>
      <c r="X13" s="7"/>
      <c r="Y13" s="7"/>
      <c r="Z13" s="7"/>
      <c r="AA13" s="7"/>
    </row>
    <row r="14" spans="1:27" ht="18" customHeight="1">
      <c r="A14" s="7"/>
      <c r="B14" s="24" t="s">
        <v>54</v>
      </c>
      <c r="C14" s="17"/>
      <c r="D14" s="17"/>
      <c r="E14" s="17"/>
      <c r="F14" s="17"/>
      <c r="G14" s="17"/>
      <c r="H14" s="17"/>
      <c r="I14" s="17"/>
      <c r="J14" s="17"/>
      <c r="K14" s="17"/>
      <c r="L14" s="17"/>
      <c r="M14" s="17"/>
      <c r="N14" s="17"/>
      <c r="O14" s="17"/>
      <c r="P14" s="353">
        <f>入力シート!AG5</f>
        <v>2026</v>
      </c>
      <c r="Q14" s="353"/>
      <c r="R14" s="353"/>
      <c r="S14" s="353"/>
      <c r="T14" s="21" t="s">
        <v>57</v>
      </c>
      <c r="U14" s="353">
        <f>入力シート!AH5</f>
        <v>0</v>
      </c>
      <c r="V14" s="353"/>
      <c r="W14" s="21" t="s">
        <v>56</v>
      </c>
      <c r="X14" s="353">
        <f>入力シート!AI5</f>
        <v>0</v>
      </c>
      <c r="Y14" s="353"/>
      <c r="Z14" s="16" t="s">
        <v>53</v>
      </c>
      <c r="AA14" s="7"/>
    </row>
    <row r="15" spans="1:27" ht="18" customHeight="1">
      <c r="A15" s="7"/>
      <c r="B15" s="24" t="s">
        <v>55</v>
      </c>
      <c r="C15" s="17"/>
      <c r="D15" s="17"/>
      <c r="E15" s="17"/>
      <c r="F15" s="17"/>
      <c r="G15" s="17"/>
      <c r="H15" s="17"/>
      <c r="I15" s="17"/>
      <c r="J15" s="17"/>
      <c r="K15" s="17"/>
      <c r="L15" s="17"/>
      <c r="M15" s="17"/>
      <c r="N15" s="17"/>
      <c r="O15" s="17"/>
      <c r="P15" s="353">
        <f>入力シート!AJ5</f>
        <v>0</v>
      </c>
      <c r="Q15" s="353"/>
      <c r="R15" s="353"/>
      <c r="S15" s="353"/>
      <c r="T15" s="21" t="s">
        <v>57</v>
      </c>
      <c r="U15" s="353">
        <f>入力シート!AK5</f>
        <v>0</v>
      </c>
      <c r="V15" s="353"/>
      <c r="W15" s="21" t="s">
        <v>56</v>
      </c>
      <c r="X15" s="353">
        <f>入力シート!AL5</f>
        <v>0</v>
      </c>
      <c r="Y15" s="353"/>
      <c r="Z15" s="16" t="s">
        <v>53</v>
      </c>
      <c r="AA15" s="7"/>
    </row>
    <row r="16" spans="1:27" ht="17.25" customHeight="1">
      <c r="A16" s="19"/>
      <c r="B16" s="7"/>
      <c r="C16" s="7"/>
      <c r="D16" s="7"/>
      <c r="E16" s="7"/>
      <c r="F16" s="7"/>
      <c r="G16" s="7"/>
      <c r="H16" s="7"/>
      <c r="I16" s="7"/>
      <c r="J16" s="7"/>
      <c r="K16" s="7"/>
      <c r="L16" s="7"/>
      <c r="M16" s="7"/>
      <c r="N16" s="7"/>
      <c r="O16" s="7"/>
      <c r="P16" s="7"/>
      <c r="Q16" s="7"/>
      <c r="R16" s="7"/>
      <c r="S16" s="7"/>
      <c r="T16" s="7"/>
      <c r="U16" s="7"/>
      <c r="V16" s="7"/>
      <c r="W16" s="7"/>
      <c r="X16" s="7"/>
      <c r="Y16" s="7"/>
      <c r="Z16" s="7"/>
      <c r="AA16" s="7"/>
    </row>
    <row r="17" spans="1:27" ht="17.25" customHeight="1">
      <c r="A17" s="8" t="s">
        <v>60</v>
      </c>
      <c r="B17" s="7"/>
      <c r="C17" s="7"/>
      <c r="D17" s="7"/>
      <c r="E17" s="7"/>
      <c r="F17" s="7"/>
      <c r="G17" s="7"/>
      <c r="H17" s="7"/>
      <c r="I17" s="7"/>
      <c r="J17" s="354"/>
      <c r="K17" s="354"/>
      <c r="L17" s="354"/>
      <c r="M17" s="15" t="s">
        <v>57</v>
      </c>
      <c r="N17" s="354"/>
      <c r="O17" s="354"/>
      <c r="P17" s="15" t="s">
        <v>56</v>
      </c>
      <c r="Q17" s="7"/>
      <c r="R17" s="7"/>
      <c r="S17" s="7"/>
      <c r="T17" s="7"/>
      <c r="U17" s="7"/>
      <c r="V17" s="7"/>
      <c r="W17" s="7"/>
      <c r="X17" s="7"/>
      <c r="Y17" s="7"/>
      <c r="Z17" s="7"/>
      <c r="AA17" s="7"/>
    </row>
    <row r="18" spans="1:27" ht="17.25" customHeight="1">
      <c r="A18" s="19"/>
      <c r="B18" s="7"/>
      <c r="C18" s="7"/>
      <c r="D18" s="7"/>
      <c r="E18" s="7"/>
      <c r="F18" s="7"/>
      <c r="G18" s="7"/>
      <c r="H18" s="7"/>
      <c r="I18" s="7"/>
      <c r="J18" s="7"/>
      <c r="K18" s="7"/>
      <c r="L18" s="7"/>
      <c r="M18" s="7"/>
      <c r="N18" s="7"/>
      <c r="O18" s="7"/>
      <c r="P18" s="7"/>
      <c r="Q18" s="7"/>
      <c r="R18" s="7"/>
      <c r="S18" s="7"/>
      <c r="T18" s="7"/>
      <c r="U18" s="7"/>
      <c r="V18" s="7"/>
      <c r="W18" s="7"/>
      <c r="X18" s="7"/>
      <c r="Y18" s="7"/>
      <c r="Z18" s="7"/>
      <c r="AA18" s="7"/>
    </row>
    <row r="19" spans="1:27" ht="17.25" customHeight="1">
      <c r="A19" s="8" t="s">
        <v>4</v>
      </c>
      <c r="B19" s="7"/>
      <c r="C19" s="7"/>
      <c r="D19" s="7"/>
      <c r="E19" s="7"/>
      <c r="F19" s="7"/>
      <c r="G19" s="7"/>
      <c r="H19" s="7"/>
      <c r="I19" s="7"/>
      <c r="J19" s="7"/>
      <c r="K19" s="7"/>
      <c r="L19" s="7"/>
      <c r="M19" s="7"/>
      <c r="N19" s="7"/>
      <c r="O19" s="7"/>
      <c r="P19" s="7"/>
      <c r="Q19" s="7"/>
      <c r="R19" s="7"/>
      <c r="S19" s="7"/>
      <c r="T19" s="7"/>
      <c r="U19" s="7"/>
      <c r="V19" s="7"/>
      <c r="W19" s="7"/>
      <c r="X19" s="7"/>
      <c r="Y19" s="7"/>
      <c r="Z19" s="7"/>
      <c r="AA19" s="7"/>
    </row>
    <row r="20" spans="1:27" s="9" customFormat="1" ht="17.25" customHeight="1">
      <c r="A20" s="309" t="s">
        <v>78</v>
      </c>
      <c r="B20" s="309"/>
      <c r="C20" s="309"/>
      <c r="D20" s="309"/>
      <c r="E20" s="309"/>
      <c r="F20" s="309"/>
      <c r="G20" s="309"/>
      <c r="H20" s="309"/>
      <c r="I20" s="309"/>
      <c r="J20" s="309"/>
      <c r="K20" s="309"/>
      <c r="L20" s="309"/>
      <c r="M20" s="309"/>
      <c r="N20" s="309"/>
      <c r="O20" s="309"/>
      <c r="P20" s="309"/>
      <c r="Q20" s="309"/>
      <c r="R20" s="309"/>
      <c r="S20" s="309"/>
      <c r="T20" s="309"/>
      <c r="U20" s="309"/>
      <c r="V20" s="309"/>
      <c r="W20" s="309"/>
      <c r="X20" s="309"/>
      <c r="Y20" s="309"/>
      <c r="Z20" s="309"/>
      <c r="AA20" s="309"/>
    </row>
    <row r="21" spans="1:27" s="9" customFormat="1" ht="17.25" customHeight="1">
      <c r="A21" s="11" t="s">
        <v>79</v>
      </c>
      <c r="B21" s="12"/>
      <c r="C21" s="12"/>
      <c r="D21" s="12"/>
      <c r="E21" s="12"/>
      <c r="F21" s="12"/>
      <c r="G21" s="12"/>
      <c r="H21" s="12"/>
      <c r="I21" s="12"/>
      <c r="J21" s="12"/>
      <c r="K21" s="12"/>
      <c r="L21" s="12"/>
      <c r="M21" s="12"/>
      <c r="N21" s="12"/>
      <c r="O21" s="12"/>
      <c r="P21" s="12"/>
      <c r="Q21" s="12"/>
      <c r="R21" s="12"/>
      <c r="S21" s="12"/>
      <c r="T21" s="12"/>
      <c r="U21" s="12"/>
      <c r="V21" s="12"/>
      <c r="W21" s="12"/>
      <c r="X21" s="12"/>
      <c r="Y21" s="12"/>
      <c r="Z21" s="12"/>
      <c r="AA21" s="12"/>
    </row>
    <row r="22" spans="1:27" s="9" customFormat="1" ht="17.25" customHeight="1">
      <c r="A22" s="274" t="s">
        <v>94</v>
      </c>
      <c r="B22" s="274"/>
      <c r="C22" s="274"/>
      <c r="D22" s="274"/>
      <c r="E22" s="274"/>
      <c r="F22" s="274"/>
      <c r="G22" s="274"/>
      <c r="H22" s="274"/>
      <c r="I22" s="274"/>
      <c r="J22" s="274"/>
      <c r="K22" s="274"/>
      <c r="L22" s="274"/>
      <c r="M22" s="274"/>
      <c r="N22" s="274"/>
      <c r="O22" s="274"/>
      <c r="P22" s="274"/>
      <c r="Q22" s="274"/>
      <c r="R22" s="274"/>
      <c r="S22" s="274"/>
      <c r="T22" s="274"/>
      <c r="U22" s="274"/>
      <c r="V22" s="274"/>
      <c r="W22" s="274"/>
      <c r="X22" s="274"/>
      <c r="Y22" s="274"/>
      <c r="Z22" s="274"/>
      <c r="AA22" s="274"/>
    </row>
    <row r="23" spans="1:27" s="9" customFormat="1" ht="17.25" customHeight="1">
      <c r="A23" s="10" t="s">
        <v>80</v>
      </c>
      <c r="B23" s="10"/>
      <c r="C23" s="10"/>
      <c r="D23" s="10"/>
      <c r="E23" s="10"/>
      <c r="F23" s="10"/>
      <c r="G23" s="10"/>
      <c r="H23" s="10"/>
      <c r="I23" s="10"/>
      <c r="J23" s="10"/>
      <c r="K23" s="10"/>
      <c r="L23" s="10"/>
      <c r="M23" s="10"/>
      <c r="N23" s="10"/>
      <c r="O23" s="10"/>
      <c r="P23" s="10"/>
      <c r="Q23" s="10"/>
      <c r="R23" s="10"/>
      <c r="S23" s="10"/>
      <c r="T23" s="10"/>
      <c r="U23" s="10"/>
      <c r="V23" s="10"/>
      <c r="W23" s="10"/>
      <c r="X23" s="10"/>
      <c r="Y23" s="10"/>
      <c r="Z23" s="10"/>
      <c r="AA23" s="10"/>
    </row>
    <row r="24" spans="1:27" ht="17.25" customHeight="1">
      <c r="A24" s="23"/>
      <c r="B24" s="7"/>
      <c r="C24" s="7"/>
      <c r="D24" s="7"/>
      <c r="E24" s="7"/>
      <c r="F24" s="7"/>
      <c r="G24" s="7"/>
      <c r="H24" s="7"/>
      <c r="I24" s="7"/>
      <c r="J24" s="7"/>
      <c r="K24" s="7"/>
      <c r="L24" s="7"/>
      <c r="M24" s="7"/>
      <c r="N24" s="7"/>
      <c r="O24" s="7"/>
      <c r="P24" s="7"/>
      <c r="Q24" s="7"/>
      <c r="R24" s="7"/>
      <c r="S24" s="7"/>
      <c r="T24" s="7"/>
      <c r="U24" s="7"/>
      <c r="V24" s="7"/>
      <c r="W24" s="7"/>
      <c r="X24" s="7"/>
      <c r="Y24" s="7"/>
      <c r="Z24" s="7"/>
      <c r="AA24" s="7"/>
    </row>
    <row r="25" spans="1:27" ht="17.25" customHeight="1">
      <c r="A25" s="23"/>
      <c r="B25" s="7"/>
      <c r="C25" s="7"/>
      <c r="D25" s="7"/>
      <c r="E25" s="7"/>
      <c r="F25" s="7"/>
      <c r="G25" s="7"/>
      <c r="H25" s="7"/>
      <c r="I25" s="7"/>
      <c r="J25" s="7"/>
      <c r="K25" s="7"/>
      <c r="L25" s="7"/>
      <c r="M25" s="7"/>
      <c r="N25" s="7"/>
      <c r="O25" s="7"/>
      <c r="P25" s="7"/>
      <c r="Q25" s="7"/>
      <c r="R25" s="7"/>
      <c r="S25" s="7"/>
      <c r="T25" s="7"/>
      <c r="U25" s="7"/>
      <c r="V25" s="7"/>
      <c r="W25" s="7"/>
      <c r="X25" s="7"/>
      <c r="Y25" s="7"/>
      <c r="Z25" s="7"/>
      <c r="AA25" s="7"/>
    </row>
    <row r="26" spans="1:27" ht="17.25" customHeight="1">
      <c r="A26" s="4"/>
    </row>
    <row r="27" spans="1:27" ht="17.25" customHeight="1">
      <c r="A27" s="1"/>
    </row>
    <row r="28" spans="1:27" ht="17.25" customHeight="1">
      <c r="A28" s="6"/>
    </row>
    <row r="29" spans="1:27" ht="17.25" customHeight="1">
      <c r="A29" s="6"/>
    </row>
    <row r="30" spans="1:27" ht="17.25" customHeight="1">
      <c r="A30" s="4"/>
    </row>
    <row r="31" spans="1:27" ht="17.25" customHeight="1">
      <c r="A31" s="4"/>
    </row>
    <row r="32" spans="1:27" ht="17.25" customHeight="1">
      <c r="A32" s="4"/>
    </row>
    <row r="33" spans="1:3" ht="17.25" customHeight="1">
      <c r="A33" s="1"/>
    </row>
    <row r="34" spans="1:3" ht="17.25" customHeight="1">
      <c r="A34" s="6"/>
    </row>
    <row r="35" spans="1:3" ht="17.25" customHeight="1">
      <c r="A35" s="4"/>
    </row>
    <row r="36" spans="1:3" ht="17.25" customHeight="1">
      <c r="A36" s="4"/>
    </row>
    <row r="37" spans="1:3" ht="17.25" customHeight="1">
      <c r="A37" s="4"/>
    </row>
    <row r="38" spans="1:3" ht="17.25" customHeight="1">
      <c r="A38" s="1"/>
    </row>
    <row r="39" spans="1:3" ht="17.25" customHeight="1">
      <c r="A39" s="1"/>
    </row>
    <row r="40" spans="1:3" ht="17.25" customHeight="1">
      <c r="A40" s="333"/>
      <c r="B40" s="343"/>
      <c r="C40" s="343"/>
    </row>
    <row r="41" spans="1:3" ht="17.25" customHeight="1">
      <c r="A41" s="5"/>
    </row>
    <row r="42" spans="1:3" ht="17.25" customHeight="1">
      <c r="A42" s="5"/>
    </row>
    <row r="43" spans="1:3" ht="17.25" customHeight="1">
      <c r="A43" s="1"/>
    </row>
    <row r="44" spans="1:3" ht="17.25" customHeight="1">
      <c r="A44" s="333"/>
      <c r="B44" s="343"/>
      <c r="C44" s="343"/>
    </row>
    <row r="45" spans="1:3" ht="17.25" customHeight="1">
      <c r="A45" s="333"/>
      <c r="B45" s="343"/>
      <c r="C45" s="343"/>
    </row>
    <row r="46" spans="1:3" ht="17.25" customHeight="1">
      <c r="A46" s="333"/>
      <c r="B46" s="343"/>
      <c r="C46" s="343"/>
    </row>
    <row r="47" spans="1:3" ht="17.25" customHeight="1">
      <c r="A47" s="333"/>
      <c r="B47" s="343"/>
      <c r="C47" s="343"/>
    </row>
    <row r="48" spans="1:3" ht="17.25" customHeight="1">
      <c r="A48" s="333"/>
      <c r="B48" s="343"/>
      <c r="C48" s="343"/>
    </row>
    <row r="49" spans="1:1" ht="17.25" customHeight="1"/>
    <row r="50" spans="1:1" ht="17.25" customHeight="1">
      <c r="A50" s="2"/>
    </row>
    <row r="51" spans="1:1" ht="17.25" customHeight="1"/>
    <row r="52" spans="1:1" ht="17.25" customHeight="1"/>
    <row r="53" spans="1:1" ht="17.25" customHeight="1"/>
    <row r="54" spans="1:1" ht="17.25" customHeight="1"/>
    <row r="55" spans="1:1" ht="17.25" customHeight="1"/>
    <row r="56" spans="1:1" ht="17.25" customHeight="1"/>
  </sheetData>
  <sheetProtection algorithmName="SHA-512" hashValue="qGn6estsoK/a706KZ0YTxDMBr6SeBxPJW+EnBkJH9qKCnU8n/cUEnl1r+o80/HiQm6kZ7EJX67xDFNNynTK3yw==" saltValue="zwNsjiGH5aUQlS1ZrtFn8A==" spinCount="100000" sheet="1" objects="1" scenarios="1" selectLockedCells="1"/>
  <mergeCells count="23">
    <mergeCell ref="N17:O17"/>
    <mergeCell ref="J17:L17"/>
    <mergeCell ref="U14:V14"/>
    <mergeCell ref="X14:Y14"/>
    <mergeCell ref="P15:S15"/>
    <mergeCell ref="U15:V15"/>
    <mergeCell ref="X15:Y15"/>
    <mergeCell ref="A45:C45"/>
    <mergeCell ref="A46:C46"/>
    <mergeCell ref="A47:C47"/>
    <mergeCell ref="A48:C48"/>
    <mergeCell ref="A1:AA1"/>
    <mergeCell ref="A20:AA20"/>
    <mergeCell ref="A22:AA22"/>
    <mergeCell ref="A40:C40"/>
    <mergeCell ref="A44:C44"/>
    <mergeCell ref="B4:Z4"/>
    <mergeCell ref="B5:Z5"/>
    <mergeCell ref="B6:Z6"/>
    <mergeCell ref="B9:Z9"/>
    <mergeCell ref="B10:Z10"/>
    <mergeCell ref="B11:Z11"/>
    <mergeCell ref="P14:S14"/>
  </mergeCells>
  <phoneticPr fontId="19"/>
  <printOptions horizontalCentered="1"/>
  <pageMargins left="0.6692913385826772" right="0.39370078740157483" top="0.59055118110236227" bottom="0.39370078740157483" header="0.31496062992125984" footer="0.19685039370078741"/>
  <pageSetup paperSize="9" scale="87" orientation="portrait"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vt:i4>
      </vt:variant>
    </vt:vector>
  </HeadingPairs>
  <TitlesOfParts>
    <vt:vector size="10" baseType="lpstr">
      <vt:lpstr>入力シート</vt:lpstr>
      <vt:lpstr>第一面　第一号様式（1項,2,3項申請用）</vt:lpstr>
      <vt:lpstr>第二面（一号様式）</vt:lpstr>
      <vt:lpstr>第四面 (法第5条第1項の規定に基づく申請の場合)</vt:lpstr>
      <vt:lpstr>第四面 （法第５条第３項の規定に基づく申請の場合）</vt:lpstr>
      <vt:lpstr>'第一面　第一号様式（1項,2,3項申請用）'!Print_Area</vt:lpstr>
      <vt:lpstr>'第四面 (法第5条第1項の規定に基づく申請の場合)'!Print_Area</vt:lpstr>
      <vt:lpstr>'第四面 （法第５条第３項の規定に基づく申請の場合）'!Print_Area</vt:lpstr>
      <vt:lpstr>'第二面（一号様式）'!Print_Area</vt:lpstr>
      <vt:lpstr>入力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櫻井　祐美</dc:creator>
  <cp:lastModifiedBy>user</cp:lastModifiedBy>
  <cp:lastPrinted>2026-03-25T08:39:53Z</cp:lastPrinted>
  <dcterms:created xsi:type="dcterms:W3CDTF">2021-12-07T03:16:26Z</dcterms:created>
  <dcterms:modified xsi:type="dcterms:W3CDTF">2026-03-30T04:14:13Z</dcterms:modified>
</cp:coreProperties>
</file>